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7\LRF-2017\Arquivos para publicação\3º Quadrim 2017 RGF-REPUBLICAÇÃO 27-06-2018\"/>
    </mc:Choice>
  </mc:AlternateContent>
  <bookViews>
    <workbookView xWindow="0" yWindow="0" windowWidth="7470" windowHeight="2400" firstSheet="4" activeTab="5"/>
  </bookViews>
  <sheets>
    <sheet name="Anexo - 01 - Despesa com Pessoa" sheetId="1" r:id="rId1"/>
    <sheet name="Anexo - 02 - Dívida Consolidada" sheetId="2" r:id="rId2"/>
    <sheet name="Anexo - 03 - Garantias e Contra" sheetId="3" r:id="rId3"/>
    <sheet name="Anexo - 04 - Operações de Crédi" sheetId="4" r:id="rId4"/>
    <sheet name="Anexo - 05 - Disponibilidade de" sheetId="5" r:id="rId5"/>
    <sheet name="Anexo - 06 - Gestão Fiscal Simp" sheetId="6" r:id="rId6"/>
  </sheets>
  <calcPr calcId="0"/>
</workbook>
</file>

<file path=xl/sharedStrings.xml><?xml version="1.0" encoding="utf-8"?>
<sst xmlns="http://schemas.openxmlformats.org/spreadsheetml/2006/main" count="975" uniqueCount="410">
  <si>
    <t>GOVERNO DO ESTADO DE MATO GROSSO DO SUL</t>
  </si>
  <si>
    <t>Relatório de Gestão Fiscal</t>
  </si>
  <si>
    <t>Anexo 1 - Demonstrativo da Despesa com Pessoal</t>
  </si>
  <si>
    <t>Orçamentos Fiscal e da Seguridade Social</t>
  </si>
  <si>
    <t>Setembro até Dezembro - 3º Quadrimestre/2017</t>
  </si>
  <si>
    <t>LRF, Art. 55, inciso I, alínea "a"</t>
  </si>
  <si>
    <t>Nº</t>
  </si>
  <si>
    <t/>
  </si>
  <si>
    <t>DESPESA COM PESSOAL</t>
  </si>
  <si>
    <t>Despesas Executadas (Últimos 12 Meses)</t>
  </si>
  <si>
    <t>Liquidadas (a)</t>
  </si>
  <si>
    <t>Inscrita em R.P. Não Processados¹(b)</t>
  </si>
  <si>
    <t>1</t>
  </si>
  <si>
    <t>DESPESA BRUTA COM PESSOAL (I)</t>
  </si>
  <si>
    <t>7279891176,33</t>
  </si>
  <si>
    <t>572633988,94</t>
  </si>
  <si>
    <t>2</t>
  </si>
  <si>
    <t xml:space="preserve">   Pessoal Ativo</t>
  </si>
  <si>
    <t>4806005319,55</t>
  </si>
  <si>
    <t>197162565,23</t>
  </si>
  <si>
    <t>3</t>
  </si>
  <si>
    <t xml:space="preserve">   Pessoal Inativo e Pensionistas</t>
  </si>
  <si>
    <t>2473885856,78</t>
  </si>
  <si>
    <t>375471423,71</t>
  </si>
  <si>
    <t>4</t>
  </si>
  <si>
    <t xml:space="preserve">   Outras Despesas de Pessoal decorrentes de Contratos de Terceirização (§ 1º do art. 18 da LRF)</t>
  </si>
  <si>
    <t>0,00</t>
  </si>
  <si>
    <t>5</t>
  </si>
  <si>
    <t>DESPESAS NÃO COMPUTADAS (§ 1º do art. 19 da LRF) (II)</t>
  </si>
  <si>
    <t>2701575775,11</t>
  </si>
  <si>
    <t>375703201,26</t>
  </si>
  <si>
    <t>6</t>
  </si>
  <si>
    <t xml:space="preserve">   Indenizações por Demissão e Incentivos à Demissão Voluntária</t>
  </si>
  <si>
    <t>75726337,77</t>
  </si>
  <si>
    <t>231777,55</t>
  </si>
  <si>
    <t>7</t>
  </si>
  <si>
    <t xml:space="preserve">   Decorrentes de Decisão Judicial de período anterior ao da apuração</t>
  </si>
  <si>
    <t>124785893,72</t>
  </si>
  <si>
    <t>8</t>
  </si>
  <si>
    <t xml:space="preserve">   Despesas de Exercícios Anteriores de período anterior ao da apuração</t>
  </si>
  <si>
    <t>27177686,84</t>
  </si>
  <si>
    <t>9</t>
  </si>
  <si>
    <t xml:space="preserve">   Inativos e Pensionistas com Recursos Vinculados</t>
  </si>
  <si>
    <t>10</t>
  </si>
  <si>
    <t>DESPESA LÍQUIDA COM PESSOAL (III) = (I - II)</t>
  </si>
  <si>
    <t>4578315401,22</t>
  </si>
  <si>
    <t>196930787,68</t>
  </si>
  <si>
    <t>APURAÇÃO DO CUMPRIMENTO DO LIMITE LEGAL</t>
  </si>
  <si>
    <t>Valor</t>
  </si>
  <si>
    <t>% Sobre a RCL Ajustada</t>
  </si>
  <si>
    <t>11</t>
  </si>
  <si>
    <t>RECEITA CORRENTE LÍQUIDA - RCL (IV)</t>
  </si>
  <si>
    <t>9747254504,20</t>
  </si>
  <si>
    <t>100,00</t>
  </si>
  <si>
    <t>12</t>
  </si>
  <si>
    <t>(-) Transferências obrigatórias da União relativas às emendas individuais (V)  (§ 13, art. 166 da CF)</t>
  </si>
  <si>
    <t>13</t>
  </si>
  <si>
    <t>= RECEITA CORRENTE LÍQUIDA AJUSTADA (VI)</t>
  </si>
  <si>
    <t>14</t>
  </si>
  <si>
    <t>DESPESA TOTAL COM PESSOAL - DTP (VII) = (III a + III b)</t>
  </si>
  <si>
    <t>4775246188,90</t>
  </si>
  <si>
    <t>48,99</t>
  </si>
  <si>
    <t>15</t>
  </si>
  <si>
    <t>LIMITE MÁXIMO (incisos I, II e III do art.20 da LRF) - 49% da RCL</t>
  </si>
  <si>
    <t>4776154707,06</t>
  </si>
  <si>
    <t>49,00</t>
  </si>
  <si>
    <t>16</t>
  </si>
  <si>
    <t>LIMITE PRUDENCIAL (parágrafo único do art.22 da LRF) - 46,55% da RCL</t>
  </si>
  <si>
    <t>4537346971,71</t>
  </si>
  <si>
    <t>46,55</t>
  </si>
  <si>
    <t>17</t>
  </si>
  <si>
    <t>LIMITE DE ALERTA (inciso II do § 1º do art. 59 da LRF) - 44,1%</t>
  </si>
  <si>
    <t>4298539236,35</t>
  </si>
  <si>
    <t>44,10</t>
  </si>
  <si>
    <t>TRAJETÓRIA DE RETORNO AO LIMITE DA DESPESA TOTAL COM PESSOAL</t>
  </si>
  <si>
    <t>Quadrimestre/Semestre do Exercício em que o ente excedeu o limite</t>
  </si>
  <si>
    <t>Limite Máximo (a)</t>
  </si>
  <si>
    <t>% DTP (b)</t>
  </si>
  <si>
    <t>% Excedente (c) = (b - a)</t>
  </si>
  <si>
    <t>Primeiro período seguinte</t>
  </si>
  <si>
    <t>Redutor mínimo de 1/3 do Excedente (d) = (1/3*c)</t>
  </si>
  <si>
    <t>Limite (e) = (b - d)</t>
  </si>
  <si>
    <t>% DTP (f)</t>
  </si>
  <si>
    <t>Segundo período seguinte</t>
  </si>
  <si>
    <t>Redutor Residual (g) = (f - a)</t>
  </si>
  <si>
    <t>Limite (h) = (a)</t>
  </si>
  <si>
    <t>% DTP (i)</t>
  </si>
  <si>
    <t>18</t>
  </si>
  <si>
    <t>TRAJETÓRIA DE RETORNO AO LIMITE DA DTP</t>
  </si>
  <si>
    <t>Anexo 2 - Demonstrativo da Dívida Consolidada Líquida</t>
  </si>
  <si>
    <t>LRF, Art. 55, inciso I, alínea "b"</t>
  </si>
  <si>
    <t>DÍVIDA CONSOLIDADA</t>
  </si>
  <si>
    <t>Saldo do Exercício Anterior</t>
  </si>
  <si>
    <t>Saldo do Exercício de 2017</t>
  </si>
  <si>
    <t>Até o 1º Quadrimestre</t>
  </si>
  <si>
    <t>Até o 2º Quadrimestre</t>
  </si>
  <si>
    <t>Até o 3º Quadrimestre</t>
  </si>
  <si>
    <t>DÍVIDA CONSOLIDADA - DC (I)</t>
  </si>
  <si>
    <t>8848325565,61</t>
  </si>
  <si>
    <t>9091558979,66</t>
  </si>
  <si>
    <t>8813245779,11</t>
  </si>
  <si>
    <t>8798343085,31</t>
  </si>
  <si>
    <t xml:space="preserve">   Dívida Mobiliária</t>
  </si>
  <si>
    <t xml:space="preserve">   Dívida Contratual</t>
  </si>
  <si>
    <t>8077109045,37</t>
  </si>
  <si>
    <t>8190877893,14</t>
  </si>
  <si>
    <t>8164083117,41</t>
  </si>
  <si>
    <t>8194862681,92</t>
  </si>
  <si>
    <t xml:space="preserve">      Empréstimos</t>
  </si>
  <si>
    <t>7985149719,01</t>
  </si>
  <si>
    <t>8099428919,24</t>
  </si>
  <si>
    <t>8074688805,43</t>
  </si>
  <si>
    <t>1935478191,21</t>
  </si>
  <si>
    <t xml:space="preserve">         Internos</t>
  </si>
  <si>
    <t>6913090663,59</t>
  </si>
  <si>
    <t>7047303826,81</t>
  </si>
  <si>
    <t>7044678088,56</t>
  </si>
  <si>
    <t>859852492,41</t>
  </si>
  <si>
    <t xml:space="preserve">         Externos</t>
  </si>
  <si>
    <t>1072059055,42</t>
  </si>
  <si>
    <t>1052125092,43</t>
  </si>
  <si>
    <t>1030010716,87</t>
  </si>
  <si>
    <t>1075625698,80</t>
  </si>
  <si>
    <t xml:space="preserve">      Reestruturação da Dívida de Estados e Municípios</t>
  </si>
  <si>
    <t>6172016097,80</t>
  </si>
  <si>
    <t xml:space="preserve">      Financiamentos</t>
  </si>
  <si>
    <t xml:space="preserve">      Parcelamento e Renegociação de Dívidas</t>
  </si>
  <si>
    <t>91959326,36</t>
  </si>
  <si>
    <t>91448973,90</t>
  </si>
  <si>
    <t>89394311,98</t>
  </si>
  <si>
    <t>87368392,91</t>
  </si>
  <si>
    <t xml:space="preserve">         De Tributos</t>
  </si>
  <si>
    <t xml:space="preserve">         De Contribuições Previdenciárias</t>
  </si>
  <si>
    <t>14318883,47</t>
  </si>
  <si>
    <t>14287619,50</t>
  </si>
  <si>
    <t>13065819,87</t>
  </si>
  <si>
    <t>12438625,12</t>
  </si>
  <si>
    <t xml:space="preserve">         De Demais Contribuições Sociais</t>
  </si>
  <si>
    <t>77640442,89</t>
  </si>
  <si>
    <t>77161354,40</t>
  </si>
  <si>
    <t>76328492,11</t>
  </si>
  <si>
    <t>74929767,79</t>
  </si>
  <si>
    <t xml:space="preserve">         Do FGTS</t>
  </si>
  <si>
    <t xml:space="preserve">         Com Instituição Não Financeira</t>
  </si>
  <si>
    <t xml:space="preserve">      Demais Dívidas Contratuais</t>
  </si>
  <si>
    <t xml:space="preserve">   Precatórios Posteriores a 05/05/200 (Inclusive) Vencidos e Não Pagos¹</t>
  </si>
  <si>
    <t>771216520,24</t>
  </si>
  <si>
    <t>900681086,52</t>
  </si>
  <si>
    <t>649162661,70</t>
  </si>
  <si>
    <t>603480403,39</t>
  </si>
  <si>
    <t>19</t>
  </si>
  <si>
    <t xml:space="preserve">   Outras Dívidas</t>
  </si>
  <si>
    <t>20</t>
  </si>
  <si>
    <t>DEDUÇÕES (II)</t>
  </si>
  <si>
    <t>1540999567,23</t>
  </si>
  <si>
    <t>1201951105,47</t>
  </si>
  <si>
    <t>1398944075,13</t>
  </si>
  <si>
    <t>1377644925,78</t>
  </si>
  <si>
    <t>21</t>
  </si>
  <si>
    <t xml:space="preserve">   Disponibilidade de Caixa¹</t>
  </si>
  <si>
    <t>22</t>
  </si>
  <si>
    <t xml:space="preserve">      Disponibilidade de Caixa bruta</t>
  </si>
  <si>
    <t>1564515405,92</t>
  </si>
  <si>
    <t>1314992234,56</t>
  </si>
  <si>
    <t>1487682847,41</t>
  </si>
  <si>
    <t>1445376794,38</t>
  </si>
  <si>
    <t>23</t>
  </si>
  <si>
    <t xml:space="preserve">      (-) Restos a Pagar Processados</t>
  </si>
  <si>
    <t>23515838,69</t>
  </si>
  <si>
    <t>113041129,09</t>
  </si>
  <si>
    <t>88738772,28</t>
  </si>
  <si>
    <t>67731868,60</t>
  </si>
  <si>
    <t>24</t>
  </si>
  <si>
    <t xml:space="preserve">   Demais Haveres Financeiros</t>
  </si>
  <si>
    <t>25</t>
  </si>
  <si>
    <t>DÍVIDA CONSOLIDADA LÍQUIDA³ (DCL) (III) = (I – II)</t>
  </si>
  <si>
    <t>7307325998,38</t>
  </si>
  <si>
    <t>7889607874,19</t>
  </si>
  <si>
    <t>7414301703,98</t>
  </si>
  <si>
    <t>7420698159,53</t>
  </si>
  <si>
    <t>26</t>
  </si>
  <si>
    <t>RECEITA CORRENTE LÍQUIDA - RCL</t>
  </si>
  <si>
    <t>9347981709,90</t>
  </si>
  <si>
    <t>9386578530,84</t>
  </si>
  <si>
    <t>9600081251,27</t>
  </si>
  <si>
    <t>27</t>
  </si>
  <si>
    <t>% DA DC sobre a RCL (I/RCL)</t>
  </si>
  <si>
    <t>94,65</t>
  </si>
  <si>
    <t>96,86</t>
  </si>
  <si>
    <t>91,80</t>
  </si>
  <si>
    <t>90,26</t>
  </si>
  <si>
    <t>28</t>
  </si>
  <si>
    <t>% DA DCL Sobre a RCL (III/RCL)</t>
  </si>
  <si>
    <t>78,17</t>
  </si>
  <si>
    <t>84,05</t>
  </si>
  <si>
    <t>77,23</t>
  </si>
  <si>
    <t>76,13</t>
  </si>
  <si>
    <t>29</t>
  </si>
  <si>
    <t>LIMITE DEFINIDO POR RESOLUÇÃO DO SENADO FEDERAL - 200%</t>
  </si>
  <si>
    <t>18695963419,80</t>
  </si>
  <si>
    <t>18773157061,68</t>
  </si>
  <si>
    <t>19200162502,54</t>
  </si>
  <si>
    <t>19494509008,40</t>
  </si>
  <si>
    <t>30</t>
  </si>
  <si>
    <t>LIMITE DE ALERTA - (inciso III do § 1º do art. 59 da LRF) - 180%</t>
  </si>
  <si>
    <t>16826367077,82</t>
  </si>
  <si>
    <t>16895841355,51</t>
  </si>
  <si>
    <t>17280146252,29</t>
  </si>
  <si>
    <t>17545058107,56</t>
  </si>
  <si>
    <t>OUTROS VALORES NÃO INTEGRANTES DA DC</t>
  </si>
  <si>
    <t>31</t>
  </si>
  <si>
    <t>PRECATÓRIOS ANTERIORES A 05/05/2000</t>
  </si>
  <si>
    <t>588394,53</t>
  </si>
  <si>
    <t>87676,94</t>
  </si>
  <si>
    <t>32</t>
  </si>
  <si>
    <t>PRECATÓRIOS POSTERIORES A 05/05/2000 (Não incluídos na DC)²</t>
  </si>
  <si>
    <t>33</t>
  </si>
  <si>
    <t>PASSIVO ATUARIAL</t>
  </si>
  <si>
    <t>532039590,58</t>
  </si>
  <si>
    <t>264423241,14</t>
  </si>
  <si>
    <t>34</t>
  </si>
  <si>
    <t>INSUFICIÊNCIA FINANCEIRA</t>
  </si>
  <si>
    <t>35</t>
  </si>
  <si>
    <t>DEPÓSITOS</t>
  </si>
  <si>
    <t>36</t>
  </si>
  <si>
    <t xml:space="preserve">RP NÃO-PROCESSADOS </t>
  </si>
  <si>
    <t>14914303,56</t>
  </si>
  <si>
    <t>60007227,60</t>
  </si>
  <si>
    <t>30399500,84</t>
  </si>
  <si>
    <t>2144243,83</t>
  </si>
  <si>
    <t>37</t>
  </si>
  <si>
    <t>ANTECIPAÇÕES DE RECEITA ORÇAMENTÁRIA - ARO</t>
  </si>
  <si>
    <t>Anexo 3 - Demonstrativo das Garantias e Contragarantias de Valores</t>
  </si>
  <si>
    <t>Art. 55, inciso I, alínea "c" e art. 40, § 1º</t>
  </si>
  <si>
    <t>GARANTIAS CONCEDIDAS</t>
  </si>
  <si>
    <t>EXTERNAS (I)</t>
  </si>
  <si>
    <t xml:space="preserve">   Aval ou Fiança em Operações de Crédito</t>
  </si>
  <si>
    <t xml:space="preserve">   Outras Garantias nos Termos da LRF ***1</t>
  </si>
  <si>
    <t>INTERNAS (II)</t>
  </si>
  <si>
    <t>20987414,86</t>
  </si>
  <si>
    <t>20461055,68</t>
  </si>
  <si>
    <t>20029058,68</t>
  </si>
  <si>
    <t>20781188,09</t>
  </si>
  <si>
    <t>TOTAL GARANTIAS CONCEDIDAS (III) = (I + II)</t>
  </si>
  <si>
    <t>% do TOTAL DAS GARANTIAS sobre a RCL</t>
  </si>
  <si>
    <t>0,22</t>
  </si>
  <si>
    <t>0,21</t>
  </si>
  <si>
    <t>LIMITE DEFINIDO POR RESOLUÇÃO DO SENADO FEDERAL - 22%</t>
  </si>
  <si>
    <t>2056555976,18</t>
  </si>
  <si>
    <t>2065047276,78</t>
  </si>
  <si>
    <t>2112017875,28</t>
  </si>
  <si>
    <t>2144395990,92</t>
  </si>
  <si>
    <t>LIMITE DE ALERTA (inciso II do § 1º do art. 59 da LRF) - 19,8% DA RCL</t>
  </si>
  <si>
    <t>1850900378,56</t>
  </si>
  <si>
    <t>1858542549,11</t>
  </si>
  <si>
    <t>1900816087,75</t>
  </si>
  <si>
    <t>1929956391,83</t>
  </si>
  <si>
    <t>CONTRAGARANTIAS RECEBIDAS</t>
  </si>
  <si>
    <t>EXTERNAS (V)</t>
  </si>
  <si>
    <t>INTERNAS (VI)</t>
  </si>
  <si>
    <t>TOTAL CONTRAGARANTIAS RECEBIDAS (VII) = (V + VI)</t>
  </si>
  <si>
    <t>MEDIDAS CORRETIVAS</t>
  </si>
  <si>
    <t>Descrição</t>
  </si>
  <si>
    <t>Anexo 4 - Demonstrativo das Operações de Crédito</t>
  </si>
  <si>
    <t>LRF, Art. 55, inciso I, alínea "d" e inciso III, alínea "c"</t>
  </si>
  <si>
    <t>OPERAÇÕES DE CRÉDITO</t>
  </si>
  <si>
    <t>Valor Realizado</t>
  </si>
  <si>
    <t>No Quadrimestre de Referência</t>
  </si>
  <si>
    <t>Até o Quadrimestre de Referência (a)</t>
  </si>
  <si>
    <t>Mobiliária</t>
  </si>
  <si>
    <t>Interna</t>
  </si>
  <si>
    <t>Externa</t>
  </si>
  <si>
    <t>Contratual</t>
  </si>
  <si>
    <t xml:space="preserve">   Empréstimos</t>
  </si>
  <si>
    <t xml:space="preserve">   Aquisição Financiada de Bens e Arrendamento Mercantil Financeiro</t>
  </si>
  <si>
    <t xml:space="preserve">   Antecipação de Receita pela Venda a Termo de Bens e Serviços</t>
  </si>
  <si>
    <t xml:space="preserve">   Assunção, Reconhecimento e Confissão de Dívidas (LRF, art. 29, § 1º)</t>
  </si>
  <si>
    <t xml:space="preserve">   Operações de crédito previstas no art. 7º § 3º da RSF nº 43/2001¹</t>
  </si>
  <si>
    <t xml:space="preserve">   Antecipações de Receitas pela Venda a Termo de Bens e Serviços </t>
  </si>
  <si>
    <t>TOTAL (I)</t>
  </si>
  <si>
    <t>APURAÇÃO DO CUMPRIMENTO DOS LIMITES</t>
  </si>
  <si>
    <t>% Sobre a RCL</t>
  </si>
  <si>
    <t>OPERAÇÕES VEDADAS (II)</t>
  </si>
  <si>
    <t>TOTAL CONSIDERADO PARA FINS DA APURAÇÃO DO CUMPRIMENTO DO LIMITE (III)= (Ia + II)</t>
  </si>
  <si>
    <t>LIMITE GERAL DEFINIDO POR RESOLUÇÃO DO SENADO FEDERAL PARA AS OPERAÇÕES DE CRÉDITO INTERNAS E EXTERNAS</t>
  </si>
  <si>
    <t>1559560720,67</t>
  </si>
  <si>
    <t>16,00</t>
  </si>
  <si>
    <t>LIMITE DE ALERTA (inciso III do § 1º do art. 59 da LRF) - %</t>
  </si>
  <si>
    <t>1403604648,60</t>
  </si>
  <si>
    <t>14,40</t>
  </si>
  <si>
    <t>OPERAÇÕES DE CRÉDITO POR ANTECIPAÇÃO DA RECEITA ORÇAMENTÁRIA</t>
  </si>
  <si>
    <t>LIMITE DEFINIDO POR RESOLUÇÃO DO SENADO FEDERAL PARA AS OPERAÇÕES DE CRÉDITO POR ANTECIPAÇÃO DA RECEITA ORÇAMENTÁRIA</t>
  </si>
  <si>
    <t>682307815,29</t>
  </si>
  <si>
    <t>7,00</t>
  </si>
  <si>
    <t>OUTRAS OPERAÇÕES QUE INTEGRAM A DÍVIDA CONSOLIDADA</t>
  </si>
  <si>
    <t>VALOR REALIZADO</t>
  </si>
  <si>
    <t>Parcelamentos de Dívidas</t>
  </si>
  <si>
    <t>Tributos</t>
  </si>
  <si>
    <t>Contribuições Previdenciárias</t>
  </si>
  <si>
    <t>FGTS</t>
  </si>
  <si>
    <t>Operações de reestruturação e recomposição do principal de dívidas</t>
  </si>
  <si>
    <t>Anexo 5 - Demonstrativo da Disponibilidade de Caixa e dos Restos a Pagar</t>
  </si>
  <si>
    <t>LRF, Art. 55, inciso III, alínea "a"</t>
  </si>
  <si>
    <t>DESTINAÇÃO DOS RECURSOS</t>
  </si>
  <si>
    <t>Disponibilidade de Caixa Bruta (a)</t>
  </si>
  <si>
    <t>Obrigações Financeiras</t>
  </si>
  <si>
    <t>RP Liquidados e Não Pagos De Exercícios Anteriores (b)</t>
  </si>
  <si>
    <t>RP Liquidados e Não Pagos Do Exercício (c)</t>
  </si>
  <si>
    <t>RP Empenhados e Não Liquidados de Exercícios Anteriores (d)</t>
  </si>
  <si>
    <t>Demais Obrigações Financeiras (e)</t>
  </si>
  <si>
    <t>INSUFICIÊNCIA FINANCEIRA VERIFICADA NO CONSÓRCIO PÚBLICO (f)</t>
  </si>
  <si>
    <t>DISPONIBILIDADE DE CAIXA LÍQUIDA (ANTES DA INSCRIÇÃO EM RESTOS A PAGAR NÃO PROCESSADOS DO EXERCÍCIO)¹ (g) = (a – (b + c + d + e) - f)</t>
  </si>
  <si>
    <t>RESTOS A PAGAR EMPENHADOS E NÃO LIQUIDADOS DO EXERCÍCIO</t>
  </si>
  <si>
    <t>EMPENHOS NÃO LIQUIDADOS CANCELADOS (NÃO INSCRITOS POR INSUFICIÊNCIA FINANCEIRA)</t>
  </si>
  <si>
    <t>TOTAL DOS RECURSOS VINCULADOS (I)</t>
  </si>
  <si>
    <t>756736930,12</t>
  </si>
  <si>
    <t>3454680,93</t>
  </si>
  <si>
    <t>218088439,61</t>
  </si>
  <si>
    <t>72933,58</t>
  </si>
  <si>
    <t>150950689,25</t>
  </si>
  <si>
    <t>384170186,75</t>
  </si>
  <si>
    <t>500433910,35</t>
  </si>
  <si>
    <t xml:space="preserve">   Receitas de Impostos e de Transferência de Impostos - Educação</t>
  </si>
  <si>
    <t xml:space="preserve">   Transferências do FUNDEB 60%</t>
  </si>
  <si>
    <t>21804002,24</t>
  </si>
  <si>
    <t>21072923,41</t>
  </si>
  <si>
    <t>3880481,14</t>
  </si>
  <si>
    <t>-3149402,31</t>
  </si>
  <si>
    <t xml:space="preserve">   Transferências do FUNDEB 40%</t>
  </si>
  <si>
    <t>14536001,49</t>
  </si>
  <si>
    <t>14048615,60</t>
  </si>
  <si>
    <t>2586987,43</t>
  </si>
  <si>
    <t>-2099601,54</t>
  </si>
  <si>
    <t xml:space="preserve">   Outros Recursos Destinados à Educação</t>
  </si>
  <si>
    <t xml:space="preserve">   Receitas de Impostos e de Transferência de Impostos - Saúde</t>
  </si>
  <si>
    <t xml:space="preserve">   Outros Recursos Destinados à Saúde</t>
  </si>
  <si>
    <t>100879938,04</t>
  </si>
  <si>
    <t>43675,23</t>
  </si>
  <si>
    <t>5786861,30</t>
  </si>
  <si>
    <t>4750,00</t>
  </si>
  <si>
    <t>98083,67</t>
  </si>
  <si>
    <t>94946567,84</t>
  </si>
  <si>
    <t>27911895,98</t>
  </si>
  <si>
    <t xml:space="preserve">   Recursos Destinados à Assistência Social</t>
  </si>
  <si>
    <t xml:space="preserve">   Recursos destinados ao RPPS - Plano Previdenciário</t>
  </si>
  <si>
    <t>73268383,84</t>
  </si>
  <si>
    <t>39586,96</t>
  </si>
  <si>
    <t>122687053,96</t>
  </si>
  <si>
    <t>91137948,90</t>
  </si>
  <si>
    <t>-140596205,98</t>
  </si>
  <si>
    <t>14010667,57</t>
  </si>
  <si>
    <t xml:space="preserve">   Recursos destinados ao RPPS - Plano Financeiro</t>
  </si>
  <si>
    <t>4296133,78</t>
  </si>
  <si>
    <t>137200,08</t>
  </si>
  <si>
    <t>45132415,88</t>
  </si>
  <si>
    <t>-40973482,18</t>
  </si>
  <si>
    <t>301014913,18</t>
  </si>
  <si>
    <t xml:space="preserve">   Recursos de Operações de Crédito (exceto destinados à Educação e à Saúde)</t>
  </si>
  <si>
    <t>8099681,85</t>
  </si>
  <si>
    <t>20785266,58</t>
  </si>
  <si>
    <t xml:space="preserve">   Recursos de Alienação de Bens/Ativos</t>
  </si>
  <si>
    <t>7477277,90</t>
  </si>
  <si>
    <t>155185,00</t>
  </si>
  <si>
    <t>7322092,90</t>
  </si>
  <si>
    <t xml:space="preserve">   Outras Destinações Vinculadas de Recursos</t>
  </si>
  <si>
    <t>526375510,98</t>
  </si>
  <si>
    <t>3371418,74</t>
  </si>
  <si>
    <t>54355785,26</t>
  </si>
  <si>
    <t>68183,58</t>
  </si>
  <si>
    <t>7959587,23</t>
  </si>
  <si>
    <t>460620536,17</t>
  </si>
  <si>
    <t>136711167,04</t>
  </si>
  <si>
    <t xml:space="preserve">   TOTAL DOS RECURSOS NÃO VINCULADOS (II)</t>
  </si>
  <si>
    <t>573682628,75</t>
  </si>
  <si>
    <t>64316774,63</t>
  </si>
  <si>
    <t>459746316,39</t>
  </si>
  <si>
    <t>2071310,25</t>
  </si>
  <si>
    <t>341696103,74</t>
  </si>
  <si>
    <t>-294147876,26</t>
  </si>
  <si>
    <t>457712745,42</t>
  </si>
  <si>
    <t xml:space="preserve">   Recursos Ordinários</t>
  </si>
  <si>
    <t>TOTAL (III) = (I + II)</t>
  </si>
  <si>
    <t>1330419558,87</t>
  </si>
  <si>
    <t>67771455,56</t>
  </si>
  <si>
    <t>677834756,00</t>
  </si>
  <si>
    <t>492646792,99</t>
  </si>
  <si>
    <t>90022310,49</t>
  </si>
  <si>
    <t>958146655,77</t>
  </si>
  <si>
    <t>Anexo 6 - Demonstrativo Simplificado do Relatório de Gestão Fiscal</t>
  </si>
  <si>
    <t>LRF, Art. 48</t>
  </si>
  <si>
    <t>RECEITA CORRENTE LÍQUIDA</t>
  </si>
  <si>
    <t>Valor Até o Quadrimestre</t>
  </si>
  <si>
    <t>Receita Corrente Líquida</t>
  </si>
  <si>
    <t>Despesa Total com Pessoal - DTP</t>
  </si>
  <si>
    <t>LIMITE MÁXIMO (incisos I, II e III do art.20 da LRF) – 49%</t>
  </si>
  <si>
    <t xml:space="preserve">LIMITE PRUDENCIAL (parágrafo único do art.22 da LRF) –  46,55% </t>
  </si>
  <si>
    <t>Dívida Consolidada Líquida</t>
  </si>
  <si>
    <t>Limite Definido por Resolução do Senado Federal</t>
  </si>
  <si>
    <t>200,00</t>
  </si>
  <si>
    <t>GARANTIAS DE VALORES</t>
  </si>
  <si>
    <t>Total das Garantias Concedidas</t>
  </si>
  <si>
    <t>22,00</t>
  </si>
  <si>
    <t>Operações de Crédito Externas e Internas</t>
  </si>
  <si>
    <t>Operações de Crédito por Antecipação da Receita</t>
  </si>
  <si>
    <t>Limite definido pelo Senado Federal para Operações de Crédito Externas e Internas</t>
  </si>
  <si>
    <t>Limite definido pelo Senado Federal para Operações de Crédito por Antecipação da Receita</t>
  </si>
  <si>
    <t>RESTOS A PAGAR</t>
  </si>
  <si>
    <t>Inscrição em Restos a Pagar não Processados do Exercício</t>
  </si>
  <si>
    <t>Disponibilidade de Caixa Líquida (antes da Inscrição em Restos a Pagar Não Processados do Exercício)</t>
  </si>
  <si>
    <t>Valor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13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35"/>
  <sheetViews>
    <sheetView showGridLines="0" topLeftCell="A10" workbookViewId="0">
      <selection activeCell="D21" sqref="D21"/>
    </sheetView>
  </sheetViews>
  <sheetFormatPr defaultRowHeight="15" x14ac:dyDescent="0.25"/>
  <cols>
    <col min="1" max="1" width="3.28515625" bestFit="1" customWidth="1"/>
    <col min="2" max="2" width="85.5703125" bestFit="1" customWidth="1"/>
    <col min="3" max="3" width="15.42578125" bestFit="1" customWidth="1"/>
    <col min="4" max="4" width="23.85546875" bestFit="1" customWidth="1"/>
    <col min="5" max="7" width="8.85546875" bestFit="1" customWidth="1"/>
    <col min="8" max="8" width="7.140625" bestFit="1" customWidth="1"/>
    <col min="9" max="9" width="8.85546875" bestFit="1" customWidth="1"/>
    <col min="11" max="11" width="7.140625" bestFit="1" customWidth="1"/>
  </cols>
  <sheetData>
    <row r="3" spans="1:11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</row>
    <row r="4" spans="1:11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</row>
    <row r="5" spans="1:11" x14ac:dyDescent="0.25">
      <c r="A5" s="10" t="s">
        <v>2</v>
      </c>
      <c r="B5" s="9"/>
      <c r="C5" s="9"/>
      <c r="D5" s="9"/>
      <c r="E5" s="9"/>
      <c r="F5" s="9"/>
      <c r="G5" s="9"/>
      <c r="H5" s="9"/>
      <c r="I5" s="9"/>
      <c r="J5" s="9"/>
      <c r="K5" s="9"/>
    </row>
    <row r="6" spans="1:11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</row>
    <row r="7" spans="1:11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</row>
    <row r="9" spans="1:11" x14ac:dyDescent="0.25">
      <c r="A9" s="11" t="s">
        <v>5</v>
      </c>
      <c r="B9" s="9"/>
      <c r="C9" s="9"/>
      <c r="D9" s="9"/>
      <c r="E9" s="9"/>
      <c r="F9" s="9"/>
      <c r="G9" s="9"/>
      <c r="H9" s="9"/>
      <c r="I9" s="9"/>
      <c r="J9" s="9"/>
      <c r="K9" s="9"/>
    </row>
    <row r="10" spans="1:11" x14ac:dyDescent="0.25">
      <c r="A10" s="12" t="s">
        <v>6</v>
      </c>
      <c r="B10" s="12" t="s">
        <v>8</v>
      </c>
      <c r="C10" s="12" t="s">
        <v>9</v>
      </c>
      <c r="D10" s="12" t="s">
        <v>9</v>
      </c>
    </row>
    <row r="11" spans="1:11" ht="21" x14ac:dyDescent="0.25">
      <c r="A11" s="12" t="s">
        <v>7</v>
      </c>
      <c r="B11" s="12" t="s">
        <v>7</v>
      </c>
      <c r="C11" s="1" t="s">
        <v>10</v>
      </c>
      <c r="D11" s="1" t="s">
        <v>11</v>
      </c>
    </row>
    <row r="12" spans="1:11" x14ac:dyDescent="0.25">
      <c r="A12" s="5" t="s">
        <v>12</v>
      </c>
      <c r="B12" s="7" t="s">
        <v>13</v>
      </c>
      <c r="C12" s="3" t="s">
        <v>14</v>
      </c>
      <c r="D12" s="3" t="s">
        <v>15</v>
      </c>
    </row>
    <row r="13" spans="1:11" x14ac:dyDescent="0.25">
      <c r="A13" s="4" t="s">
        <v>16</v>
      </c>
      <c r="B13" s="6" t="s">
        <v>17</v>
      </c>
      <c r="C13" s="2" t="s">
        <v>18</v>
      </c>
      <c r="D13" s="2" t="s">
        <v>19</v>
      </c>
    </row>
    <row r="14" spans="1:11" x14ac:dyDescent="0.25">
      <c r="A14" s="4" t="s">
        <v>20</v>
      </c>
      <c r="B14" s="6" t="s">
        <v>21</v>
      </c>
      <c r="C14" s="2" t="s">
        <v>22</v>
      </c>
      <c r="D14" s="2" t="s">
        <v>23</v>
      </c>
    </row>
    <row r="15" spans="1:11" x14ac:dyDescent="0.25">
      <c r="A15" s="4" t="s">
        <v>24</v>
      </c>
      <c r="B15" s="6" t="s">
        <v>25</v>
      </c>
      <c r="C15" s="2" t="s">
        <v>26</v>
      </c>
      <c r="D15" s="2" t="s">
        <v>26</v>
      </c>
    </row>
    <row r="16" spans="1:11" x14ac:dyDescent="0.25">
      <c r="A16" s="5" t="s">
        <v>27</v>
      </c>
      <c r="B16" s="7" t="s">
        <v>28</v>
      </c>
      <c r="C16" s="3" t="s">
        <v>29</v>
      </c>
      <c r="D16" s="3" t="s">
        <v>30</v>
      </c>
    </row>
    <row r="17" spans="1:4" x14ac:dyDescent="0.25">
      <c r="A17" s="4" t="s">
        <v>31</v>
      </c>
      <c r="B17" s="6" t="s">
        <v>32</v>
      </c>
      <c r="C17" s="2" t="s">
        <v>33</v>
      </c>
      <c r="D17" s="2" t="s">
        <v>34</v>
      </c>
    </row>
    <row r="18" spans="1:4" x14ac:dyDescent="0.25">
      <c r="A18" s="4" t="s">
        <v>35</v>
      </c>
      <c r="B18" s="6" t="s">
        <v>36</v>
      </c>
      <c r="C18" s="2" t="s">
        <v>37</v>
      </c>
      <c r="D18" s="2" t="s">
        <v>26</v>
      </c>
    </row>
    <row r="19" spans="1:4" x14ac:dyDescent="0.25">
      <c r="A19" s="4" t="s">
        <v>38</v>
      </c>
      <c r="B19" s="6" t="s">
        <v>39</v>
      </c>
      <c r="C19" s="2" t="s">
        <v>40</v>
      </c>
      <c r="D19" s="2" t="s">
        <v>26</v>
      </c>
    </row>
    <row r="20" spans="1:4" x14ac:dyDescent="0.25">
      <c r="A20" s="4" t="s">
        <v>41</v>
      </c>
      <c r="B20" s="6" t="s">
        <v>42</v>
      </c>
      <c r="C20" s="2" t="s">
        <v>22</v>
      </c>
      <c r="D20" s="2" t="s">
        <v>23</v>
      </c>
    </row>
    <row r="21" spans="1:4" x14ac:dyDescent="0.25">
      <c r="A21" s="5" t="s">
        <v>43</v>
      </c>
      <c r="B21" s="7" t="s">
        <v>44</v>
      </c>
      <c r="C21" s="3" t="s">
        <v>45</v>
      </c>
      <c r="D21" s="3" t="s">
        <v>46</v>
      </c>
    </row>
    <row r="23" spans="1:4" x14ac:dyDescent="0.25">
      <c r="A23" s="12" t="s">
        <v>6</v>
      </c>
      <c r="B23" s="12" t="s">
        <v>47</v>
      </c>
      <c r="C23" s="12" t="s">
        <v>48</v>
      </c>
      <c r="D23" s="12" t="s">
        <v>49</v>
      </c>
    </row>
    <row r="24" spans="1:4" x14ac:dyDescent="0.25">
      <c r="A24" s="12" t="s">
        <v>7</v>
      </c>
      <c r="B24" s="12" t="s">
        <v>7</v>
      </c>
      <c r="C24" s="12" t="s">
        <v>7</v>
      </c>
      <c r="D24" s="12" t="s">
        <v>7</v>
      </c>
    </row>
    <row r="25" spans="1:4" x14ac:dyDescent="0.25">
      <c r="A25" s="4" t="s">
        <v>50</v>
      </c>
      <c r="B25" s="6" t="s">
        <v>51</v>
      </c>
      <c r="C25" s="2" t="s">
        <v>52</v>
      </c>
      <c r="D25" s="2" t="s">
        <v>53</v>
      </c>
    </row>
    <row r="26" spans="1:4" x14ac:dyDescent="0.25">
      <c r="A26" s="4" t="s">
        <v>54</v>
      </c>
      <c r="B26" s="6" t="s">
        <v>55</v>
      </c>
      <c r="C26" s="2" t="s">
        <v>26</v>
      </c>
      <c r="D26" s="2" t="s">
        <v>26</v>
      </c>
    </row>
    <row r="27" spans="1:4" x14ac:dyDescent="0.25">
      <c r="A27" s="5" t="s">
        <v>56</v>
      </c>
      <c r="B27" s="7" t="s">
        <v>57</v>
      </c>
      <c r="C27" s="3" t="s">
        <v>52</v>
      </c>
      <c r="D27" s="3" t="s">
        <v>53</v>
      </c>
    </row>
    <row r="28" spans="1:4" x14ac:dyDescent="0.25">
      <c r="A28" s="4" t="s">
        <v>58</v>
      </c>
      <c r="B28" s="6" t="s">
        <v>59</v>
      </c>
      <c r="C28" s="2" t="s">
        <v>60</v>
      </c>
      <c r="D28" s="2" t="s">
        <v>61</v>
      </c>
    </row>
    <row r="29" spans="1:4" x14ac:dyDescent="0.25">
      <c r="A29" s="4" t="s">
        <v>62</v>
      </c>
      <c r="B29" s="6" t="s">
        <v>63</v>
      </c>
      <c r="C29" s="2" t="s">
        <v>64</v>
      </c>
      <c r="D29" s="2" t="s">
        <v>65</v>
      </c>
    </row>
    <row r="30" spans="1:4" x14ac:dyDescent="0.25">
      <c r="A30" s="4" t="s">
        <v>66</v>
      </c>
      <c r="B30" s="6" t="s">
        <v>67</v>
      </c>
      <c r="C30" s="2" t="s">
        <v>68</v>
      </c>
      <c r="D30" s="2" t="s">
        <v>69</v>
      </c>
    </row>
    <row r="31" spans="1:4" x14ac:dyDescent="0.25">
      <c r="A31" s="4" t="s">
        <v>70</v>
      </c>
      <c r="B31" s="6" t="s">
        <v>71</v>
      </c>
      <c r="C31" s="2" t="s">
        <v>72</v>
      </c>
      <c r="D31" s="2" t="s">
        <v>73</v>
      </c>
    </row>
    <row r="33" spans="1:11" x14ac:dyDescent="0.25">
      <c r="A33" s="12" t="s">
        <v>6</v>
      </c>
      <c r="B33" s="12" t="s">
        <v>74</v>
      </c>
      <c r="C33" s="12" t="s">
        <v>75</v>
      </c>
      <c r="D33" s="12" t="s">
        <v>7</v>
      </c>
      <c r="E33" s="12" t="s">
        <v>7</v>
      </c>
      <c r="F33" s="12" t="s">
        <v>79</v>
      </c>
      <c r="G33" s="12" t="s">
        <v>7</v>
      </c>
      <c r="H33" s="12" t="s">
        <v>7</v>
      </c>
      <c r="I33" s="12" t="s">
        <v>83</v>
      </c>
      <c r="J33" s="12" t="s">
        <v>7</v>
      </c>
      <c r="K33" s="12" t="s">
        <v>83</v>
      </c>
    </row>
    <row r="34" spans="1:11" ht="73.5" x14ac:dyDescent="0.25">
      <c r="A34" s="12" t="s">
        <v>7</v>
      </c>
      <c r="B34" s="12" t="s">
        <v>7</v>
      </c>
      <c r="C34" s="1" t="s">
        <v>76</v>
      </c>
      <c r="D34" s="1" t="s">
        <v>77</v>
      </c>
      <c r="E34" s="1" t="s">
        <v>78</v>
      </c>
      <c r="F34" s="1" t="s">
        <v>80</v>
      </c>
      <c r="G34" s="1" t="s">
        <v>81</v>
      </c>
      <c r="H34" s="1" t="s">
        <v>82</v>
      </c>
      <c r="I34" s="1" t="s">
        <v>84</v>
      </c>
      <c r="J34" s="1" t="s">
        <v>85</v>
      </c>
      <c r="K34" s="1" t="s">
        <v>86</v>
      </c>
    </row>
    <row r="35" spans="1:11" x14ac:dyDescent="0.25">
      <c r="A35" s="4" t="s">
        <v>87</v>
      </c>
      <c r="B35" s="6" t="s">
        <v>88</v>
      </c>
      <c r="C35" s="2" t="s">
        <v>26</v>
      </c>
      <c r="D35" s="2" t="s">
        <v>26</v>
      </c>
      <c r="E35" s="2" t="s">
        <v>26</v>
      </c>
      <c r="F35" s="2" t="s">
        <v>26</v>
      </c>
      <c r="G35" s="2" t="s">
        <v>26</v>
      </c>
      <c r="H35" s="2" t="s">
        <v>26</v>
      </c>
      <c r="I35" s="2" t="s">
        <v>26</v>
      </c>
      <c r="J35" s="2" t="s">
        <v>26</v>
      </c>
      <c r="K35" s="2" t="s">
        <v>26</v>
      </c>
    </row>
  </sheetData>
  <mergeCells count="18">
    <mergeCell ref="A33:A34"/>
    <mergeCell ref="B33:B34"/>
    <mergeCell ref="C33:E33"/>
    <mergeCell ref="F33:H33"/>
    <mergeCell ref="I33:K33"/>
    <mergeCell ref="A9:K9"/>
    <mergeCell ref="A10:A11"/>
    <mergeCell ref="B10:B11"/>
    <mergeCell ref="C10:D10"/>
    <mergeCell ref="A23:A24"/>
    <mergeCell ref="B23:B24"/>
    <mergeCell ref="C23:C24"/>
    <mergeCell ref="D23:D24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51"/>
  <sheetViews>
    <sheetView showGridLines="0" topLeftCell="A22" workbookViewId="0">
      <selection activeCell="F36" sqref="F36"/>
    </sheetView>
  </sheetViews>
  <sheetFormatPr defaultRowHeight="15" x14ac:dyDescent="0.25"/>
  <cols>
    <col min="1" max="1" width="3.28515625" bestFit="1" customWidth="1"/>
    <col min="2" max="2" width="62.5703125" bestFit="1" customWidth="1"/>
    <col min="3" max="3" width="27" bestFit="1" customWidth="1"/>
    <col min="4" max="6" width="15.42578125" bestFit="1" customWidth="1"/>
  </cols>
  <sheetData>
    <row r="3" spans="1:6" x14ac:dyDescent="0.25">
      <c r="A3" s="8" t="s">
        <v>0</v>
      </c>
      <c r="B3" s="9"/>
      <c r="C3" s="9"/>
      <c r="D3" s="9"/>
      <c r="E3" s="9"/>
      <c r="F3" s="9"/>
    </row>
    <row r="4" spans="1:6" x14ac:dyDescent="0.25">
      <c r="A4" s="8" t="s">
        <v>1</v>
      </c>
      <c r="B4" s="9"/>
      <c r="C4" s="9"/>
      <c r="D4" s="9"/>
      <c r="E4" s="9"/>
      <c r="F4" s="9"/>
    </row>
    <row r="5" spans="1:6" x14ac:dyDescent="0.25">
      <c r="A5" s="10" t="s">
        <v>89</v>
      </c>
      <c r="B5" s="9"/>
      <c r="C5" s="9"/>
      <c r="D5" s="9"/>
      <c r="E5" s="9"/>
      <c r="F5" s="9"/>
    </row>
    <row r="6" spans="1:6" x14ac:dyDescent="0.25">
      <c r="A6" s="8" t="s">
        <v>3</v>
      </c>
      <c r="B6" s="9"/>
      <c r="C6" s="9"/>
      <c r="D6" s="9"/>
      <c r="E6" s="9"/>
      <c r="F6" s="9"/>
    </row>
    <row r="7" spans="1:6" x14ac:dyDescent="0.25">
      <c r="A7" s="8" t="s">
        <v>4</v>
      </c>
      <c r="B7" s="9"/>
      <c r="C7" s="9"/>
      <c r="D7" s="9"/>
      <c r="E7" s="9"/>
      <c r="F7" s="9"/>
    </row>
    <row r="9" spans="1:6" x14ac:dyDescent="0.25">
      <c r="A9" s="11" t="s">
        <v>90</v>
      </c>
      <c r="B9" s="9"/>
      <c r="C9" s="9"/>
      <c r="D9" s="9"/>
      <c r="E9" s="9"/>
      <c r="F9" s="9"/>
    </row>
    <row r="10" spans="1:6" x14ac:dyDescent="0.25">
      <c r="A10" s="12" t="s">
        <v>6</v>
      </c>
      <c r="B10" s="12" t="s">
        <v>91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6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6" x14ac:dyDescent="0.25">
      <c r="A12" s="5" t="s">
        <v>12</v>
      </c>
      <c r="B12" s="7" t="s">
        <v>97</v>
      </c>
      <c r="C12" s="3" t="s">
        <v>98</v>
      </c>
      <c r="D12" s="3" t="s">
        <v>99</v>
      </c>
      <c r="E12" s="3" t="s">
        <v>100</v>
      </c>
      <c r="F12" s="3" t="s">
        <v>101</v>
      </c>
    </row>
    <row r="13" spans="1:6" x14ac:dyDescent="0.25">
      <c r="A13" s="4" t="s">
        <v>16</v>
      </c>
      <c r="B13" s="6" t="s">
        <v>102</v>
      </c>
      <c r="C13" s="2" t="s">
        <v>26</v>
      </c>
      <c r="D13" s="2" t="s">
        <v>26</v>
      </c>
      <c r="E13" s="2" t="s">
        <v>26</v>
      </c>
      <c r="F13" s="2" t="s">
        <v>26</v>
      </c>
    </row>
    <row r="14" spans="1:6" x14ac:dyDescent="0.25">
      <c r="A14" s="5" t="s">
        <v>20</v>
      </c>
      <c r="B14" s="7" t="s">
        <v>103</v>
      </c>
      <c r="C14" s="3" t="s">
        <v>104</v>
      </c>
      <c r="D14" s="3" t="s">
        <v>105</v>
      </c>
      <c r="E14" s="3" t="s">
        <v>106</v>
      </c>
      <c r="F14" s="3" t="s">
        <v>107</v>
      </c>
    </row>
    <row r="15" spans="1:6" x14ac:dyDescent="0.25">
      <c r="A15" s="5" t="s">
        <v>24</v>
      </c>
      <c r="B15" s="7" t="s">
        <v>108</v>
      </c>
      <c r="C15" s="3" t="s">
        <v>109</v>
      </c>
      <c r="D15" s="3" t="s">
        <v>110</v>
      </c>
      <c r="E15" s="3" t="s">
        <v>111</v>
      </c>
      <c r="F15" s="3" t="s">
        <v>112</v>
      </c>
    </row>
    <row r="16" spans="1:6" x14ac:dyDescent="0.25">
      <c r="A16" s="4" t="s">
        <v>27</v>
      </c>
      <c r="B16" s="6" t="s">
        <v>113</v>
      </c>
      <c r="C16" s="2" t="s">
        <v>114</v>
      </c>
      <c r="D16" s="2" t="s">
        <v>115</v>
      </c>
      <c r="E16" s="2" t="s">
        <v>116</v>
      </c>
      <c r="F16" s="2" t="s">
        <v>117</v>
      </c>
    </row>
    <row r="17" spans="1:6" x14ac:dyDescent="0.25">
      <c r="A17" s="4" t="s">
        <v>31</v>
      </c>
      <c r="B17" s="6" t="s">
        <v>118</v>
      </c>
      <c r="C17" s="2" t="s">
        <v>119</v>
      </c>
      <c r="D17" s="2" t="s">
        <v>120</v>
      </c>
      <c r="E17" s="2" t="s">
        <v>121</v>
      </c>
      <c r="F17" s="2" t="s">
        <v>122</v>
      </c>
    </row>
    <row r="18" spans="1:6" x14ac:dyDescent="0.25">
      <c r="A18" s="4" t="s">
        <v>35</v>
      </c>
      <c r="B18" s="6" t="s">
        <v>123</v>
      </c>
      <c r="C18" s="2" t="s">
        <v>26</v>
      </c>
      <c r="D18" s="2" t="s">
        <v>26</v>
      </c>
      <c r="E18" s="2" t="s">
        <v>26</v>
      </c>
      <c r="F18" s="2" t="s">
        <v>124</v>
      </c>
    </row>
    <row r="19" spans="1:6" x14ac:dyDescent="0.25">
      <c r="A19" s="5" t="s">
        <v>38</v>
      </c>
      <c r="B19" s="7" t="s">
        <v>125</v>
      </c>
      <c r="C19" s="3" t="s">
        <v>26</v>
      </c>
      <c r="D19" s="3" t="s">
        <v>26</v>
      </c>
      <c r="E19" s="3" t="s">
        <v>26</v>
      </c>
      <c r="F19" s="3" t="s">
        <v>26</v>
      </c>
    </row>
    <row r="20" spans="1:6" x14ac:dyDescent="0.25">
      <c r="A20" s="4" t="s">
        <v>41</v>
      </c>
      <c r="B20" s="6" t="s">
        <v>113</v>
      </c>
      <c r="C20" s="2" t="s">
        <v>26</v>
      </c>
      <c r="D20" s="2" t="s">
        <v>26</v>
      </c>
      <c r="E20" s="2" t="s">
        <v>26</v>
      </c>
      <c r="F20" s="2" t="s">
        <v>26</v>
      </c>
    </row>
    <row r="21" spans="1:6" x14ac:dyDescent="0.25">
      <c r="A21" s="4" t="s">
        <v>43</v>
      </c>
      <c r="B21" s="6" t="s">
        <v>118</v>
      </c>
      <c r="C21" s="2" t="s">
        <v>26</v>
      </c>
      <c r="D21" s="2" t="s">
        <v>26</v>
      </c>
      <c r="E21" s="2" t="s">
        <v>26</v>
      </c>
      <c r="F21" s="2" t="s">
        <v>26</v>
      </c>
    </row>
    <row r="22" spans="1:6" x14ac:dyDescent="0.25">
      <c r="A22" s="5" t="s">
        <v>50</v>
      </c>
      <c r="B22" s="7" t="s">
        <v>126</v>
      </c>
      <c r="C22" s="3" t="s">
        <v>127</v>
      </c>
      <c r="D22" s="3" t="s">
        <v>128</v>
      </c>
      <c r="E22" s="3" t="s">
        <v>129</v>
      </c>
      <c r="F22" s="3" t="s">
        <v>130</v>
      </c>
    </row>
    <row r="23" spans="1:6" x14ac:dyDescent="0.25">
      <c r="A23" s="4" t="s">
        <v>54</v>
      </c>
      <c r="B23" s="6" t="s">
        <v>131</v>
      </c>
      <c r="C23" s="2" t="s">
        <v>26</v>
      </c>
      <c r="D23" s="2" t="s">
        <v>26</v>
      </c>
      <c r="E23" s="2" t="s">
        <v>26</v>
      </c>
      <c r="F23" s="2" t="s">
        <v>26</v>
      </c>
    </row>
    <row r="24" spans="1:6" x14ac:dyDescent="0.25">
      <c r="A24" s="4" t="s">
        <v>56</v>
      </c>
      <c r="B24" s="6" t="s">
        <v>132</v>
      </c>
      <c r="C24" s="2" t="s">
        <v>133</v>
      </c>
      <c r="D24" s="2" t="s">
        <v>134</v>
      </c>
      <c r="E24" s="2" t="s">
        <v>135</v>
      </c>
      <c r="F24" s="2" t="s">
        <v>136</v>
      </c>
    </row>
    <row r="25" spans="1:6" x14ac:dyDescent="0.25">
      <c r="A25" s="4" t="s">
        <v>58</v>
      </c>
      <c r="B25" s="6" t="s">
        <v>137</v>
      </c>
      <c r="C25" s="2" t="s">
        <v>138</v>
      </c>
      <c r="D25" s="2" t="s">
        <v>139</v>
      </c>
      <c r="E25" s="2" t="s">
        <v>140</v>
      </c>
      <c r="F25" s="2" t="s">
        <v>141</v>
      </c>
    </row>
    <row r="26" spans="1:6" x14ac:dyDescent="0.25">
      <c r="A26" s="4" t="s">
        <v>62</v>
      </c>
      <c r="B26" s="6" t="s">
        <v>142</v>
      </c>
      <c r="C26" s="2" t="s">
        <v>26</v>
      </c>
      <c r="D26" s="2" t="s">
        <v>26</v>
      </c>
      <c r="E26" s="2" t="s">
        <v>26</v>
      </c>
      <c r="F26" s="2" t="s">
        <v>26</v>
      </c>
    </row>
    <row r="27" spans="1:6" x14ac:dyDescent="0.25">
      <c r="A27" s="4" t="s">
        <v>66</v>
      </c>
      <c r="B27" s="6" t="s">
        <v>143</v>
      </c>
      <c r="C27" s="2" t="s">
        <v>26</v>
      </c>
      <c r="D27" s="2" t="s">
        <v>26</v>
      </c>
      <c r="E27" s="2" t="s">
        <v>26</v>
      </c>
      <c r="F27" s="2" t="s">
        <v>26</v>
      </c>
    </row>
    <row r="28" spans="1:6" x14ac:dyDescent="0.25">
      <c r="A28" s="4" t="s">
        <v>70</v>
      </c>
      <c r="B28" s="6" t="s">
        <v>144</v>
      </c>
      <c r="C28" s="2" t="s">
        <v>26</v>
      </c>
      <c r="D28" s="2" t="s">
        <v>26</v>
      </c>
      <c r="E28" s="2" t="s">
        <v>26</v>
      </c>
      <c r="F28" s="2" t="s">
        <v>26</v>
      </c>
    </row>
    <row r="29" spans="1:6" x14ac:dyDescent="0.25">
      <c r="A29" s="4" t="s">
        <v>87</v>
      </c>
      <c r="B29" s="6" t="s">
        <v>145</v>
      </c>
      <c r="C29" s="2" t="s">
        <v>146</v>
      </c>
      <c r="D29" s="2" t="s">
        <v>147</v>
      </c>
      <c r="E29" s="2" t="s">
        <v>148</v>
      </c>
      <c r="F29" s="2" t="s">
        <v>149</v>
      </c>
    </row>
    <row r="30" spans="1:6" x14ac:dyDescent="0.25">
      <c r="A30" s="4" t="s">
        <v>150</v>
      </c>
      <c r="B30" s="6" t="s">
        <v>151</v>
      </c>
      <c r="C30" s="2" t="s">
        <v>26</v>
      </c>
      <c r="D30" s="2" t="s">
        <v>26</v>
      </c>
      <c r="E30" s="2" t="s">
        <v>26</v>
      </c>
      <c r="F30" s="2" t="s">
        <v>26</v>
      </c>
    </row>
    <row r="31" spans="1:6" x14ac:dyDescent="0.25">
      <c r="A31" s="5" t="s">
        <v>152</v>
      </c>
      <c r="B31" s="7" t="s">
        <v>153</v>
      </c>
      <c r="C31" s="3" t="s">
        <v>154</v>
      </c>
      <c r="D31" s="3" t="s">
        <v>155</v>
      </c>
      <c r="E31" s="3" t="s">
        <v>156</v>
      </c>
      <c r="F31" s="3" t="s">
        <v>157</v>
      </c>
    </row>
    <row r="32" spans="1:6" x14ac:dyDescent="0.25">
      <c r="A32" s="5" t="s">
        <v>158</v>
      </c>
      <c r="B32" s="7" t="s">
        <v>159</v>
      </c>
      <c r="C32" s="3" t="s">
        <v>154</v>
      </c>
      <c r="D32" s="3" t="s">
        <v>155</v>
      </c>
      <c r="E32" s="3" t="s">
        <v>156</v>
      </c>
      <c r="F32" s="3" t="s">
        <v>157</v>
      </c>
    </row>
    <row r="33" spans="1:6" x14ac:dyDescent="0.25">
      <c r="A33" s="4" t="s">
        <v>160</v>
      </c>
      <c r="B33" s="6" t="s">
        <v>161</v>
      </c>
      <c r="C33" s="2" t="s">
        <v>162</v>
      </c>
      <c r="D33" s="2" t="s">
        <v>163</v>
      </c>
      <c r="E33" s="2" t="s">
        <v>164</v>
      </c>
      <c r="F33" s="2" t="s">
        <v>165</v>
      </c>
    </row>
    <row r="34" spans="1:6" x14ac:dyDescent="0.25">
      <c r="A34" s="4" t="s">
        <v>166</v>
      </c>
      <c r="B34" s="6" t="s">
        <v>167</v>
      </c>
      <c r="C34" s="2" t="s">
        <v>168</v>
      </c>
      <c r="D34" s="2" t="s">
        <v>169</v>
      </c>
      <c r="E34" s="2" t="s">
        <v>170</v>
      </c>
      <c r="F34" s="2" t="s">
        <v>171</v>
      </c>
    </row>
    <row r="35" spans="1:6" x14ac:dyDescent="0.25">
      <c r="A35" s="4" t="s">
        <v>172</v>
      </c>
      <c r="B35" s="6" t="s">
        <v>173</v>
      </c>
      <c r="C35" s="2" t="s">
        <v>26</v>
      </c>
      <c r="D35" s="2" t="s">
        <v>26</v>
      </c>
      <c r="E35" s="2" t="s">
        <v>26</v>
      </c>
      <c r="F35" s="2" t="s">
        <v>26</v>
      </c>
    </row>
    <row r="36" spans="1:6" x14ac:dyDescent="0.25">
      <c r="A36" s="5" t="s">
        <v>174</v>
      </c>
      <c r="B36" s="7" t="s">
        <v>175</v>
      </c>
      <c r="C36" s="3" t="s">
        <v>176</v>
      </c>
      <c r="D36" s="3" t="s">
        <v>177</v>
      </c>
      <c r="E36" s="3" t="s">
        <v>178</v>
      </c>
      <c r="F36" s="3" t="s">
        <v>179</v>
      </c>
    </row>
    <row r="37" spans="1:6" x14ac:dyDescent="0.25">
      <c r="A37" s="4" t="s">
        <v>180</v>
      </c>
      <c r="B37" s="6" t="s">
        <v>181</v>
      </c>
      <c r="C37" s="2" t="s">
        <v>182</v>
      </c>
      <c r="D37" s="2" t="s">
        <v>183</v>
      </c>
      <c r="E37" s="2" t="s">
        <v>184</v>
      </c>
      <c r="F37" s="2" t="s">
        <v>52</v>
      </c>
    </row>
    <row r="38" spans="1:6" x14ac:dyDescent="0.25">
      <c r="A38" s="4" t="s">
        <v>185</v>
      </c>
      <c r="B38" s="6" t="s">
        <v>186</v>
      </c>
      <c r="C38" s="2" t="s">
        <v>187</v>
      </c>
      <c r="D38" s="2" t="s">
        <v>188</v>
      </c>
      <c r="E38" s="2" t="s">
        <v>189</v>
      </c>
      <c r="F38" s="2" t="s">
        <v>190</v>
      </c>
    </row>
    <row r="39" spans="1:6" x14ac:dyDescent="0.25">
      <c r="A39" s="4" t="s">
        <v>191</v>
      </c>
      <c r="B39" s="6" t="s">
        <v>192</v>
      </c>
      <c r="C39" s="2" t="s">
        <v>193</v>
      </c>
      <c r="D39" s="2" t="s">
        <v>194</v>
      </c>
      <c r="E39" s="2" t="s">
        <v>195</v>
      </c>
      <c r="F39" s="2" t="s">
        <v>196</v>
      </c>
    </row>
    <row r="40" spans="1:6" x14ac:dyDescent="0.25">
      <c r="A40" s="4" t="s">
        <v>197</v>
      </c>
      <c r="B40" s="6" t="s">
        <v>198</v>
      </c>
      <c r="C40" s="2" t="s">
        <v>199</v>
      </c>
      <c r="D40" s="2" t="s">
        <v>200</v>
      </c>
      <c r="E40" s="2" t="s">
        <v>201</v>
      </c>
      <c r="F40" s="2" t="s">
        <v>202</v>
      </c>
    </row>
    <row r="41" spans="1:6" x14ac:dyDescent="0.25">
      <c r="A41" s="4" t="s">
        <v>203</v>
      </c>
      <c r="B41" s="6" t="s">
        <v>204</v>
      </c>
      <c r="C41" s="2" t="s">
        <v>205</v>
      </c>
      <c r="D41" s="2" t="s">
        <v>206</v>
      </c>
      <c r="E41" s="2" t="s">
        <v>207</v>
      </c>
      <c r="F41" s="2" t="s">
        <v>208</v>
      </c>
    </row>
    <row r="43" spans="1:6" x14ac:dyDescent="0.25">
      <c r="A43" s="12" t="s">
        <v>6</v>
      </c>
      <c r="B43" s="12" t="s">
        <v>209</v>
      </c>
      <c r="C43" s="12" t="s">
        <v>92</v>
      </c>
      <c r="D43" s="12" t="s">
        <v>93</v>
      </c>
      <c r="E43" s="12" t="s">
        <v>7</v>
      </c>
      <c r="F43" s="12" t="s">
        <v>93</v>
      </c>
    </row>
    <row r="44" spans="1:6" ht="21" x14ac:dyDescent="0.25">
      <c r="A44" s="12" t="s">
        <v>7</v>
      </c>
      <c r="B44" s="12" t="s">
        <v>7</v>
      </c>
      <c r="C44" s="12" t="s">
        <v>7</v>
      </c>
      <c r="D44" s="1" t="s">
        <v>94</v>
      </c>
      <c r="E44" s="1" t="s">
        <v>95</v>
      </c>
      <c r="F44" s="1" t="s">
        <v>96</v>
      </c>
    </row>
    <row r="45" spans="1:6" x14ac:dyDescent="0.25">
      <c r="A45" s="4" t="s">
        <v>210</v>
      </c>
      <c r="B45" s="6" t="s">
        <v>211</v>
      </c>
      <c r="C45" s="2" t="s">
        <v>212</v>
      </c>
      <c r="D45" s="2" t="s">
        <v>213</v>
      </c>
      <c r="E45" s="2" t="s">
        <v>212</v>
      </c>
      <c r="F45" s="2" t="s">
        <v>26</v>
      </c>
    </row>
    <row r="46" spans="1:6" x14ac:dyDescent="0.25">
      <c r="A46" s="4" t="s">
        <v>214</v>
      </c>
      <c r="B46" s="6" t="s">
        <v>215</v>
      </c>
      <c r="C46" s="2" t="s">
        <v>26</v>
      </c>
      <c r="D46" s="2" t="s">
        <v>26</v>
      </c>
      <c r="E46" s="2" t="s">
        <v>26</v>
      </c>
      <c r="F46" s="2" t="s">
        <v>26</v>
      </c>
    </row>
    <row r="47" spans="1:6" x14ac:dyDescent="0.25">
      <c r="A47" s="4" t="s">
        <v>216</v>
      </c>
      <c r="B47" s="6" t="s">
        <v>217</v>
      </c>
      <c r="C47" s="2" t="s">
        <v>218</v>
      </c>
      <c r="D47" s="2" t="s">
        <v>218</v>
      </c>
      <c r="E47" s="2" t="s">
        <v>218</v>
      </c>
      <c r="F47" s="2" t="s">
        <v>219</v>
      </c>
    </row>
    <row r="48" spans="1:6" x14ac:dyDescent="0.25">
      <c r="A48" s="4" t="s">
        <v>220</v>
      </c>
      <c r="B48" s="6" t="s">
        <v>221</v>
      </c>
      <c r="C48" s="2" t="s">
        <v>26</v>
      </c>
      <c r="D48" s="2" t="s">
        <v>26</v>
      </c>
      <c r="E48" s="2" t="s">
        <v>26</v>
      </c>
      <c r="F48" s="2" t="s">
        <v>26</v>
      </c>
    </row>
    <row r="49" spans="1:6" x14ac:dyDescent="0.25">
      <c r="A49" s="4" t="s">
        <v>222</v>
      </c>
      <c r="B49" s="6" t="s">
        <v>223</v>
      </c>
      <c r="C49" s="2" t="s">
        <v>26</v>
      </c>
      <c r="D49" s="2" t="s">
        <v>26</v>
      </c>
      <c r="E49" s="2" t="s">
        <v>26</v>
      </c>
      <c r="F49" s="2" t="s">
        <v>26</v>
      </c>
    </row>
    <row r="50" spans="1:6" x14ac:dyDescent="0.25">
      <c r="A50" s="4" t="s">
        <v>224</v>
      </c>
      <c r="B50" s="6" t="s">
        <v>225</v>
      </c>
      <c r="C50" s="2" t="s">
        <v>226</v>
      </c>
      <c r="D50" s="2" t="s">
        <v>227</v>
      </c>
      <c r="E50" s="2" t="s">
        <v>228</v>
      </c>
      <c r="F50" s="2" t="s">
        <v>229</v>
      </c>
    </row>
    <row r="51" spans="1:6" x14ac:dyDescent="0.25">
      <c r="A51" s="4" t="s">
        <v>230</v>
      </c>
      <c r="B51" s="6" t="s">
        <v>231</v>
      </c>
      <c r="C51" s="2" t="s">
        <v>26</v>
      </c>
      <c r="D51" s="2" t="s">
        <v>26</v>
      </c>
      <c r="E51" s="2" t="s">
        <v>26</v>
      </c>
      <c r="F51" s="2" t="s">
        <v>26</v>
      </c>
    </row>
  </sheetData>
  <mergeCells count="14">
    <mergeCell ref="A43:A44"/>
    <mergeCell ref="B43:B44"/>
    <mergeCell ref="C43:C44"/>
    <mergeCell ref="D43:F43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36"/>
  <sheetViews>
    <sheetView showGridLines="0" topLeftCell="A10" workbookViewId="0">
      <selection activeCell="F19" sqref="F19"/>
    </sheetView>
  </sheetViews>
  <sheetFormatPr defaultRowHeight="15" x14ac:dyDescent="0.25"/>
  <cols>
    <col min="1" max="1" width="3.28515625" bestFit="1" customWidth="1"/>
    <col min="2" max="2" width="61.7109375" bestFit="1" customWidth="1"/>
    <col min="3" max="3" width="27" bestFit="1" customWidth="1"/>
    <col min="4" max="6" width="13.85546875" bestFit="1" customWidth="1"/>
  </cols>
  <sheetData>
    <row r="3" spans="1:6" x14ac:dyDescent="0.25">
      <c r="A3" s="8" t="s">
        <v>0</v>
      </c>
      <c r="B3" s="9"/>
      <c r="C3" s="9"/>
      <c r="D3" s="9"/>
      <c r="E3" s="9"/>
      <c r="F3" s="9"/>
    </row>
    <row r="4" spans="1:6" x14ac:dyDescent="0.25">
      <c r="A4" s="8" t="s">
        <v>1</v>
      </c>
      <c r="B4" s="9"/>
      <c r="C4" s="9"/>
      <c r="D4" s="9"/>
      <c r="E4" s="9"/>
      <c r="F4" s="9"/>
    </row>
    <row r="5" spans="1:6" x14ac:dyDescent="0.25">
      <c r="A5" s="10" t="s">
        <v>232</v>
      </c>
      <c r="B5" s="9"/>
      <c r="C5" s="9"/>
      <c r="D5" s="9"/>
      <c r="E5" s="9"/>
      <c r="F5" s="9"/>
    </row>
    <row r="6" spans="1:6" x14ac:dyDescent="0.25">
      <c r="A6" s="8" t="s">
        <v>3</v>
      </c>
      <c r="B6" s="9"/>
      <c r="C6" s="9"/>
      <c r="D6" s="9"/>
      <c r="E6" s="9"/>
      <c r="F6" s="9"/>
    </row>
    <row r="7" spans="1:6" x14ac:dyDescent="0.25">
      <c r="A7" s="8" t="s">
        <v>4</v>
      </c>
      <c r="B7" s="9"/>
      <c r="C7" s="9"/>
      <c r="D7" s="9"/>
      <c r="E7" s="9"/>
      <c r="F7" s="9"/>
    </row>
    <row r="9" spans="1:6" x14ac:dyDescent="0.25">
      <c r="A9" s="11" t="s">
        <v>233</v>
      </c>
      <c r="B9" s="9"/>
      <c r="C9" s="9"/>
      <c r="D9" s="9"/>
      <c r="E9" s="9"/>
      <c r="F9" s="9"/>
    </row>
    <row r="10" spans="1:6" x14ac:dyDescent="0.25">
      <c r="A10" s="12" t="s">
        <v>6</v>
      </c>
      <c r="B10" s="12" t="s">
        <v>234</v>
      </c>
      <c r="C10" s="12" t="s">
        <v>92</v>
      </c>
      <c r="D10" s="12" t="s">
        <v>93</v>
      </c>
      <c r="E10" s="12" t="s">
        <v>7</v>
      </c>
      <c r="F10" s="12" t="s">
        <v>93</v>
      </c>
    </row>
    <row r="11" spans="1:6" ht="21" x14ac:dyDescent="0.25">
      <c r="A11" s="12" t="s">
        <v>7</v>
      </c>
      <c r="B11" s="12" t="s">
        <v>7</v>
      </c>
      <c r="C11" s="12" t="s">
        <v>7</v>
      </c>
      <c r="D11" s="1" t="s">
        <v>94</v>
      </c>
      <c r="E11" s="1" t="s">
        <v>95</v>
      </c>
      <c r="F11" s="1" t="s">
        <v>96</v>
      </c>
    </row>
    <row r="12" spans="1:6" x14ac:dyDescent="0.25">
      <c r="A12" s="5" t="s">
        <v>12</v>
      </c>
      <c r="B12" s="7" t="s">
        <v>235</v>
      </c>
      <c r="C12" s="3" t="s">
        <v>26</v>
      </c>
      <c r="D12" s="3" t="s">
        <v>26</v>
      </c>
      <c r="E12" s="3" t="s">
        <v>26</v>
      </c>
      <c r="F12" s="3" t="s">
        <v>26</v>
      </c>
    </row>
    <row r="13" spans="1:6" x14ac:dyDescent="0.25">
      <c r="A13" s="4" t="s">
        <v>16</v>
      </c>
      <c r="B13" s="6" t="s">
        <v>236</v>
      </c>
      <c r="C13" s="2" t="s">
        <v>26</v>
      </c>
      <c r="D13" s="2" t="s">
        <v>26</v>
      </c>
      <c r="E13" s="2" t="s">
        <v>26</v>
      </c>
      <c r="F13" s="2" t="s">
        <v>26</v>
      </c>
    </row>
    <row r="14" spans="1:6" x14ac:dyDescent="0.25">
      <c r="A14" s="4" t="s">
        <v>20</v>
      </c>
      <c r="B14" s="6" t="s">
        <v>237</v>
      </c>
      <c r="C14" s="2" t="s">
        <v>26</v>
      </c>
      <c r="D14" s="2" t="s">
        <v>26</v>
      </c>
      <c r="E14" s="2" t="s">
        <v>26</v>
      </c>
      <c r="F14" s="2" t="s">
        <v>26</v>
      </c>
    </row>
    <row r="15" spans="1:6" x14ac:dyDescent="0.25">
      <c r="A15" s="5" t="s">
        <v>24</v>
      </c>
      <c r="B15" s="7" t="s">
        <v>238</v>
      </c>
      <c r="C15" s="3" t="s">
        <v>239</v>
      </c>
      <c r="D15" s="3" t="s">
        <v>240</v>
      </c>
      <c r="E15" s="3" t="s">
        <v>241</v>
      </c>
      <c r="F15" s="3" t="s">
        <v>242</v>
      </c>
    </row>
    <row r="16" spans="1:6" x14ac:dyDescent="0.25">
      <c r="A16" s="4" t="s">
        <v>27</v>
      </c>
      <c r="B16" s="6" t="s">
        <v>236</v>
      </c>
      <c r="C16" s="2" t="s">
        <v>26</v>
      </c>
      <c r="D16" s="2" t="s">
        <v>26</v>
      </c>
      <c r="E16" s="2" t="s">
        <v>26</v>
      </c>
      <c r="F16" s="2" t="s">
        <v>26</v>
      </c>
    </row>
    <row r="17" spans="1:6" x14ac:dyDescent="0.25">
      <c r="A17" s="4" t="s">
        <v>31</v>
      </c>
      <c r="B17" s="6" t="s">
        <v>237</v>
      </c>
      <c r="C17" s="2" t="s">
        <v>239</v>
      </c>
      <c r="D17" s="2" t="s">
        <v>240</v>
      </c>
      <c r="E17" s="2" t="s">
        <v>241</v>
      </c>
      <c r="F17" s="2" t="s">
        <v>242</v>
      </c>
    </row>
    <row r="18" spans="1:6" x14ac:dyDescent="0.25">
      <c r="A18" s="5" t="s">
        <v>35</v>
      </c>
      <c r="B18" s="7" t="s">
        <v>243</v>
      </c>
      <c r="C18" s="3" t="s">
        <v>239</v>
      </c>
      <c r="D18" s="3" t="s">
        <v>240</v>
      </c>
      <c r="E18" s="3" t="s">
        <v>241</v>
      </c>
      <c r="F18" s="3" t="s">
        <v>242</v>
      </c>
    </row>
    <row r="19" spans="1:6" x14ac:dyDescent="0.25">
      <c r="A19" s="4" t="s">
        <v>38</v>
      </c>
      <c r="B19" s="6" t="s">
        <v>51</v>
      </c>
      <c r="C19" s="2" t="s">
        <v>182</v>
      </c>
      <c r="D19" s="2" t="s">
        <v>183</v>
      </c>
      <c r="E19" s="2" t="s">
        <v>184</v>
      </c>
      <c r="F19" s="2" t="s">
        <v>52</v>
      </c>
    </row>
    <row r="20" spans="1:6" x14ac:dyDescent="0.25">
      <c r="A20" s="4" t="s">
        <v>41</v>
      </c>
      <c r="B20" s="6" t="s">
        <v>244</v>
      </c>
      <c r="C20" s="2" t="s">
        <v>245</v>
      </c>
      <c r="D20" s="2" t="s">
        <v>245</v>
      </c>
      <c r="E20" s="2" t="s">
        <v>246</v>
      </c>
      <c r="F20" s="2" t="s">
        <v>246</v>
      </c>
    </row>
    <row r="21" spans="1:6" x14ac:dyDescent="0.25">
      <c r="A21" s="4" t="s">
        <v>43</v>
      </c>
      <c r="B21" s="6" t="s">
        <v>247</v>
      </c>
      <c r="C21" s="2" t="s">
        <v>248</v>
      </c>
      <c r="D21" s="2" t="s">
        <v>249</v>
      </c>
      <c r="E21" s="2" t="s">
        <v>250</v>
      </c>
      <c r="F21" s="2" t="s">
        <v>251</v>
      </c>
    </row>
    <row r="22" spans="1:6" x14ac:dyDescent="0.25">
      <c r="A22" s="4" t="s">
        <v>50</v>
      </c>
      <c r="B22" s="6" t="s">
        <v>252</v>
      </c>
      <c r="C22" s="2" t="s">
        <v>253</v>
      </c>
      <c r="D22" s="2" t="s">
        <v>254</v>
      </c>
      <c r="E22" s="2" t="s">
        <v>255</v>
      </c>
      <c r="F22" s="2" t="s">
        <v>256</v>
      </c>
    </row>
    <row r="24" spans="1:6" x14ac:dyDescent="0.25">
      <c r="A24" s="12" t="s">
        <v>6</v>
      </c>
      <c r="B24" s="12" t="s">
        <v>257</v>
      </c>
      <c r="C24" s="12" t="s">
        <v>92</v>
      </c>
      <c r="D24" s="12" t="s">
        <v>93</v>
      </c>
      <c r="E24" s="12" t="s">
        <v>7</v>
      </c>
      <c r="F24" s="12" t="s">
        <v>93</v>
      </c>
    </row>
    <row r="25" spans="1:6" ht="21" x14ac:dyDescent="0.25">
      <c r="A25" s="12" t="s">
        <v>7</v>
      </c>
      <c r="B25" s="12" t="s">
        <v>7</v>
      </c>
      <c r="C25" s="12" t="s">
        <v>7</v>
      </c>
      <c r="D25" s="1" t="s">
        <v>94</v>
      </c>
      <c r="E25" s="1" t="s">
        <v>95</v>
      </c>
      <c r="F25" s="1" t="s">
        <v>96</v>
      </c>
    </row>
    <row r="26" spans="1:6" x14ac:dyDescent="0.25">
      <c r="A26" s="5" t="s">
        <v>54</v>
      </c>
      <c r="B26" s="7" t="s">
        <v>258</v>
      </c>
      <c r="C26" s="3" t="s">
        <v>26</v>
      </c>
      <c r="D26" s="3" t="s">
        <v>26</v>
      </c>
      <c r="E26" s="3" t="s">
        <v>26</v>
      </c>
      <c r="F26" s="3" t="s">
        <v>26</v>
      </c>
    </row>
    <row r="27" spans="1:6" x14ac:dyDescent="0.25">
      <c r="A27" s="4" t="s">
        <v>56</v>
      </c>
      <c r="B27" s="6" t="s">
        <v>236</v>
      </c>
      <c r="C27" s="2" t="s">
        <v>26</v>
      </c>
      <c r="D27" s="2" t="s">
        <v>26</v>
      </c>
      <c r="E27" s="2" t="s">
        <v>26</v>
      </c>
      <c r="F27" s="2" t="s">
        <v>26</v>
      </c>
    </row>
    <row r="28" spans="1:6" x14ac:dyDescent="0.25">
      <c r="A28" s="4" t="s">
        <v>58</v>
      </c>
      <c r="B28" s="6" t="s">
        <v>237</v>
      </c>
      <c r="C28" s="2" t="s">
        <v>26</v>
      </c>
      <c r="D28" s="2" t="s">
        <v>26</v>
      </c>
      <c r="E28" s="2" t="s">
        <v>26</v>
      </c>
      <c r="F28" s="2" t="s">
        <v>26</v>
      </c>
    </row>
    <row r="29" spans="1:6" x14ac:dyDescent="0.25">
      <c r="A29" s="5" t="s">
        <v>62</v>
      </c>
      <c r="B29" s="7" t="s">
        <v>259</v>
      </c>
      <c r="C29" s="3" t="s">
        <v>26</v>
      </c>
      <c r="D29" s="3" t="s">
        <v>26</v>
      </c>
      <c r="E29" s="3" t="s">
        <v>26</v>
      </c>
      <c r="F29" s="3" t="s">
        <v>26</v>
      </c>
    </row>
    <row r="30" spans="1:6" x14ac:dyDescent="0.25">
      <c r="A30" s="4" t="s">
        <v>66</v>
      </c>
      <c r="B30" s="6" t="s">
        <v>236</v>
      </c>
      <c r="C30" s="2" t="s">
        <v>26</v>
      </c>
      <c r="D30" s="2" t="s">
        <v>26</v>
      </c>
      <c r="E30" s="2" t="s">
        <v>26</v>
      </c>
      <c r="F30" s="2" t="s">
        <v>26</v>
      </c>
    </row>
    <row r="31" spans="1:6" x14ac:dyDescent="0.25">
      <c r="A31" s="4" t="s">
        <v>70</v>
      </c>
      <c r="B31" s="6" t="s">
        <v>237</v>
      </c>
      <c r="C31" s="2" t="s">
        <v>26</v>
      </c>
      <c r="D31" s="2" t="s">
        <v>26</v>
      </c>
      <c r="E31" s="2" t="s">
        <v>26</v>
      </c>
      <c r="F31" s="2" t="s">
        <v>26</v>
      </c>
    </row>
    <row r="32" spans="1:6" x14ac:dyDescent="0.25">
      <c r="A32" s="5" t="s">
        <v>87</v>
      </c>
      <c r="B32" s="7" t="s">
        <v>260</v>
      </c>
      <c r="C32" s="3" t="s">
        <v>26</v>
      </c>
      <c r="D32" s="3" t="s">
        <v>26</v>
      </c>
      <c r="E32" s="3" t="s">
        <v>26</v>
      </c>
      <c r="F32" s="3" t="s">
        <v>26</v>
      </c>
    </row>
    <row r="34" spans="1:3" x14ac:dyDescent="0.25">
      <c r="A34" s="12" t="s">
        <v>6</v>
      </c>
      <c r="B34" s="12" t="s">
        <v>261</v>
      </c>
      <c r="C34" s="12" t="s">
        <v>262</v>
      </c>
    </row>
    <row r="35" spans="1:3" x14ac:dyDescent="0.25">
      <c r="A35" s="12" t="s">
        <v>7</v>
      </c>
      <c r="B35" s="12" t="s">
        <v>7</v>
      </c>
      <c r="C35" s="12" t="s">
        <v>7</v>
      </c>
    </row>
    <row r="36" spans="1:3" x14ac:dyDescent="0.25">
      <c r="A36" s="4" t="s">
        <v>150</v>
      </c>
      <c r="B36" s="6" t="s">
        <v>261</v>
      </c>
      <c r="C36" s="2" t="s">
        <v>26</v>
      </c>
    </row>
  </sheetData>
  <mergeCells count="17">
    <mergeCell ref="A24:A25"/>
    <mergeCell ref="B24:B25"/>
    <mergeCell ref="C24:C25"/>
    <mergeCell ref="D24:F24"/>
    <mergeCell ref="A34:A35"/>
    <mergeCell ref="B34:B35"/>
    <mergeCell ref="C34:C35"/>
    <mergeCell ref="A9:F9"/>
    <mergeCell ref="A10:A11"/>
    <mergeCell ref="B10:B11"/>
    <mergeCell ref="C10:C11"/>
    <mergeCell ref="D10:F10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46"/>
  <sheetViews>
    <sheetView showGridLines="0" topLeftCell="A31" workbookViewId="0"/>
  </sheetViews>
  <sheetFormatPr defaultRowHeight="15" x14ac:dyDescent="0.25"/>
  <cols>
    <col min="1" max="1" width="2.140625" bestFit="1" customWidth="1"/>
    <col min="2" max="2" width="94.85546875" bestFit="1" customWidth="1"/>
    <col min="3" max="3" width="20.5703125" bestFit="1" customWidth="1"/>
    <col min="4" max="4" width="24.140625" bestFit="1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263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264</v>
      </c>
      <c r="B9" s="9"/>
      <c r="C9" s="9"/>
      <c r="D9" s="9"/>
    </row>
    <row r="10" spans="1:4" x14ac:dyDescent="0.25">
      <c r="A10" s="12" t="s">
        <v>6</v>
      </c>
      <c r="B10" s="12" t="s">
        <v>265</v>
      </c>
      <c r="C10" s="12" t="s">
        <v>266</v>
      </c>
      <c r="D10" s="12" t="s">
        <v>266</v>
      </c>
    </row>
    <row r="11" spans="1:4" ht="21" x14ac:dyDescent="0.25">
      <c r="A11" s="12" t="s">
        <v>7</v>
      </c>
      <c r="B11" s="12" t="s">
        <v>7</v>
      </c>
      <c r="C11" s="1" t="s">
        <v>267</v>
      </c>
      <c r="D11" s="1" t="s">
        <v>268</v>
      </c>
    </row>
    <row r="12" spans="1:4" x14ac:dyDescent="0.25">
      <c r="A12" s="5" t="s">
        <v>12</v>
      </c>
      <c r="B12" s="7" t="s">
        <v>269</v>
      </c>
      <c r="C12" s="3" t="s">
        <v>26</v>
      </c>
      <c r="D12" s="3" t="s">
        <v>26</v>
      </c>
    </row>
    <row r="13" spans="1:4" x14ac:dyDescent="0.25">
      <c r="A13" s="4" t="s">
        <v>16</v>
      </c>
      <c r="B13" s="6" t="s">
        <v>270</v>
      </c>
      <c r="C13" s="2" t="s">
        <v>26</v>
      </c>
      <c r="D13" s="2" t="s">
        <v>26</v>
      </c>
    </row>
    <row r="14" spans="1:4" x14ac:dyDescent="0.25">
      <c r="A14" s="4" t="s">
        <v>20</v>
      </c>
      <c r="B14" s="6" t="s">
        <v>271</v>
      </c>
      <c r="C14" s="2" t="s">
        <v>26</v>
      </c>
      <c r="D14" s="2" t="s">
        <v>26</v>
      </c>
    </row>
    <row r="15" spans="1:4" x14ac:dyDescent="0.25">
      <c r="A15" s="5" t="s">
        <v>24</v>
      </c>
      <c r="B15" s="7" t="s">
        <v>272</v>
      </c>
      <c r="C15" s="3" t="s">
        <v>26</v>
      </c>
      <c r="D15" s="3" t="s">
        <v>26</v>
      </c>
    </row>
    <row r="16" spans="1:4" x14ac:dyDescent="0.25">
      <c r="A16" s="5" t="s">
        <v>27</v>
      </c>
      <c r="B16" s="7" t="s">
        <v>270</v>
      </c>
      <c r="C16" s="3" t="s">
        <v>26</v>
      </c>
      <c r="D16" s="3" t="s">
        <v>26</v>
      </c>
    </row>
    <row r="17" spans="1:4" x14ac:dyDescent="0.25">
      <c r="A17" s="4" t="s">
        <v>31</v>
      </c>
      <c r="B17" s="6" t="s">
        <v>273</v>
      </c>
      <c r="C17" s="2" t="s">
        <v>26</v>
      </c>
      <c r="D17" s="2" t="s">
        <v>26</v>
      </c>
    </row>
    <row r="18" spans="1:4" x14ac:dyDescent="0.25">
      <c r="A18" s="4" t="s">
        <v>35</v>
      </c>
      <c r="B18" s="6" t="s">
        <v>274</v>
      </c>
      <c r="C18" s="2" t="s">
        <v>26</v>
      </c>
      <c r="D18" s="2" t="s">
        <v>26</v>
      </c>
    </row>
    <row r="19" spans="1:4" x14ac:dyDescent="0.25">
      <c r="A19" s="4" t="s">
        <v>38</v>
      </c>
      <c r="B19" s="6" t="s">
        <v>275</v>
      </c>
      <c r="C19" s="2" t="s">
        <v>26</v>
      </c>
      <c r="D19" s="2" t="s">
        <v>26</v>
      </c>
    </row>
    <row r="20" spans="1:4" x14ac:dyDescent="0.25">
      <c r="A20" s="4" t="s">
        <v>41</v>
      </c>
      <c r="B20" s="6" t="s">
        <v>276</v>
      </c>
      <c r="C20" s="2" t="s">
        <v>26</v>
      </c>
      <c r="D20" s="2" t="s">
        <v>26</v>
      </c>
    </row>
    <row r="21" spans="1:4" x14ac:dyDescent="0.25">
      <c r="A21" s="4" t="s">
        <v>43</v>
      </c>
      <c r="B21" s="6" t="s">
        <v>277</v>
      </c>
      <c r="C21" s="2" t="s">
        <v>26</v>
      </c>
      <c r="D21" s="2" t="s">
        <v>26</v>
      </c>
    </row>
    <row r="22" spans="1:4" x14ac:dyDescent="0.25">
      <c r="A22" s="5" t="s">
        <v>50</v>
      </c>
      <c r="B22" s="7" t="s">
        <v>271</v>
      </c>
      <c r="C22" s="3" t="s">
        <v>26</v>
      </c>
      <c r="D22" s="3" t="s">
        <v>26</v>
      </c>
    </row>
    <row r="23" spans="1:4" x14ac:dyDescent="0.25">
      <c r="A23" s="4" t="s">
        <v>54</v>
      </c>
      <c r="B23" s="6" t="s">
        <v>273</v>
      </c>
      <c r="C23" s="2" t="s">
        <v>26</v>
      </c>
      <c r="D23" s="2" t="s">
        <v>26</v>
      </c>
    </row>
    <row r="24" spans="1:4" x14ac:dyDescent="0.25">
      <c r="A24" s="4" t="s">
        <v>56</v>
      </c>
      <c r="B24" s="6" t="s">
        <v>274</v>
      </c>
      <c r="C24" s="2" t="s">
        <v>26</v>
      </c>
      <c r="D24" s="2" t="s">
        <v>26</v>
      </c>
    </row>
    <row r="25" spans="1:4" x14ac:dyDescent="0.25">
      <c r="A25" s="4" t="s">
        <v>58</v>
      </c>
      <c r="B25" s="6" t="s">
        <v>278</v>
      </c>
      <c r="C25" s="2" t="s">
        <v>26</v>
      </c>
      <c r="D25" s="2" t="s">
        <v>26</v>
      </c>
    </row>
    <row r="26" spans="1:4" x14ac:dyDescent="0.25">
      <c r="A26" s="4" t="s">
        <v>62</v>
      </c>
      <c r="B26" s="6" t="s">
        <v>276</v>
      </c>
      <c r="C26" s="2" t="s">
        <v>26</v>
      </c>
      <c r="D26" s="2" t="s">
        <v>26</v>
      </c>
    </row>
    <row r="27" spans="1:4" x14ac:dyDescent="0.25">
      <c r="A27" s="4" t="s">
        <v>66</v>
      </c>
      <c r="B27" s="6" t="s">
        <v>277</v>
      </c>
      <c r="C27" s="2" t="s">
        <v>26</v>
      </c>
      <c r="D27" s="2" t="s">
        <v>26</v>
      </c>
    </row>
    <row r="28" spans="1:4" x14ac:dyDescent="0.25">
      <c r="A28" s="4" t="s">
        <v>70</v>
      </c>
      <c r="B28" s="6" t="s">
        <v>279</v>
      </c>
      <c r="C28" s="2" t="s">
        <v>26</v>
      </c>
      <c r="D28" s="2" t="s">
        <v>26</v>
      </c>
    </row>
    <row r="30" spans="1:4" x14ac:dyDescent="0.25">
      <c r="A30" s="12" t="s">
        <v>6</v>
      </c>
      <c r="B30" s="12" t="s">
        <v>280</v>
      </c>
      <c r="C30" s="12" t="s">
        <v>48</v>
      </c>
      <c r="D30" s="12" t="s">
        <v>281</v>
      </c>
    </row>
    <row r="31" spans="1:4" x14ac:dyDescent="0.25">
      <c r="A31" s="12" t="s">
        <v>7</v>
      </c>
      <c r="B31" s="12" t="s">
        <v>7</v>
      </c>
      <c r="C31" s="12" t="s">
        <v>7</v>
      </c>
      <c r="D31" s="12" t="s">
        <v>7</v>
      </c>
    </row>
    <row r="32" spans="1:4" x14ac:dyDescent="0.25">
      <c r="A32" s="4" t="s">
        <v>87</v>
      </c>
      <c r="B32" s="6" t="s">
        <v>181</v>
      </c>
      <c r="C32" s="2" t="s">
        <v>52</v>
      </c>
      <c r="D32" s="2" t="s">
        <v>53</v>
      </c>
    </row>
    <row r="33" spans="1:4" x14ac:dyDescent="0.25">
      <c r="A33" s="4" t="s">
        <v>150</v>
      </c>
      <c r="B33" s="6" t="s">
        <v>282</v>
      </c>
      <c r="C33" s="2" t="s">
        <v>26</v>
      </c>
      <c r="D33" s="2" t="s">
        <v>26</v>
      </c>
    </row>
    <row r="34" spans="1:4" x14ac:dyDescent="0.25">
      <c r="A34" s="4" t="s">
        <v>152</v>
      </c>
      <c r="B34" s="6" t="s">
        <v>283</v>
      </c>
      <c r="C34" s="2" t="s">
        <v>26</v>
      </c>
      <c r="D34" s="2" t="s">
        <v>26</v>
      </c>
    </row>
    <row r="35" spans="1:4" x14ac:dyDescent="0.25">
      <c r="A35" s="4" t="s">
        <v>158</v>
      </c>
      <c r="B35" s="6" t="s">
        <v>284</v>
      </c>
      <c r="C35" s="2" t="s">
        <v>285</v>
      </c>
      <c r="D35" s="2" t="s">
        <v>286</v>
      </c>
    </row>
    <row r="36" spans="1:4" x14ac:dyDescent="0.25">
      <c r="A36" s="4" t="s">
        <v>160</v>
      </c>
      <c r="B36" s="6" t="s">
        <v>287</v>
      </c>
      <c r="C36" s="2" t="s">
        <v>288</v>
      </c>
      <c r="D36" s="2" t="s">
        <v>289</v>
      </c>
    </row>
    <row r="37" spans="1:4" x14ac:dyDescent="0.25">
      <c r="A37" s="4" t="s">
        <v>166</v>
      </c>
      <c r="B37" s="6" t="s">
        <v>290</v>
      </c>
      <c r="C37" s="2" t="s">
        <v>26</v>
      </c>
      <c r="D37" s="2" t="s">
        <v>26</v>
      </c>
    </row>
    <row r="38" spans="1:4" x14ac:dyDescent="0.25">
      <c r="A38" s="4" t="s">
        <v>172</v>
      </c>
      <c r="B38" s="6" t="s">
        <v>291</v>
      </c>
      <c r="C38" s="2" t="s">
        <v>292</v>
      </c>
      <c r="D38" s="2" t="s">
        <v>293</v>
      </c>
    </row>
    <row r="40" spans="1:4" x14ac:dyDescent="0.25">
      <c r="A40" s="12" t="s">
        <v>6</v>
      </c>
      <c r="B40" s="12" t="s">
        <v>294</v>
      </c>
      <c r="C40" s="12" t="s">
        <v>295</v>
      </c>
      <c r="D40" s="12" t="s">
        <v>295</v>
      </c>
    </row>
    <row r="41" spans="1:4" ht="21" x14ac:dyDescent="0.25">
      <c r="A41" s="12" t="s">
        <v>7</v>
      </c>
      <c r="B41" s="12" t="s">
        <v>7</v>
      </c>
      <c r="C41" s="1" t="s">
        <v>267</v>
      </c>
      <c r="D41" s="1" t="s">
        <v>268</v>
      </c>
    </row>
    <row r="42" spans="1:4" x14ac:dyDescent="0.25">
      <c r="A42" s="5" t="s">
        <v>174</v>
      </c>
      <c r="B42" s="7" t="s">
        <v>296</v>
      </c>
      <c r="C42" s="3" t="s">
        <v>26</v>
      </c>
      <c r="D42" s="3" t="s">
        <v>26</v>
      </c>
    </row>
    <row r="43" spans="1:4" x14ac:dyDescent="0.25">
      <c r="A43" s="4" t="s">
        <v>180</v>
      </c>
      <c r="B43" s="6" t="s">
        <v>297</v>
      </c>
      <c r="C43" s="2" t="s">
        <v>26</v>
      </c>
      <c r="D43" s="2" t="s">
        <v>26</v>
      </c>
    </row>
    <row r="44" spans="1:4" x14ac:dyDescent="0.25">
      <c r="A44" s="4" t="s">
        <v>185</v>
      </c>
      <c r="B44" s="6" t="s">
        <v>298</v>
      </c>
      <c r="C44" s="2" t="s">
        <v>26</v>
      </c>
      <c r="D44" s="2" t="s">
        <v>26</v>
      </c>
    </row>
    <row r="45" spans="1:4" x14ac:dyDescent="0.25">
      <c r="A45" s="4" t="s">
        <v>191</v>
      </c>
      <c r="B45" s="6" t="s">
        <v>299</v>
      </c>
      <c r="C45" s="2" t="s">
        <v>26</v>
      </c>
      <c r="D45" s="2" t="s">
        <v>26</v>
      </c>
    </row>
    <row r="46" spans="1:4" x14ac:dyDescent="0.25">
      <c r="A46" s="4" t="s">
        <v>197</v>
      </c>
      <c r="B46" s="6" t="s">
        <v>300</v>
      </c>
      <c r="C46" s="2" t="s">
        <v>26</v>
      </c>
      <c r="D46" s="2" t="s">
        <v>26</v>
      </c>
    </row>
  </sheetData>
  <mergeCells count="16">
    <mergeCell ref="A40:A41"/>
    <mergeCell ref="B40:B41"/>
    <mergeCell ref="C40:D40"/>
    <mergeCell ref="A9:D9"/>
    <mergeCell ref="A10:A11"/>
    <mergeCell ref="B10:B11"/>
    <mergeCell ref="C10:D10"/>
    <mergeCell ref="A30:A31"/>
    <mergeCell ref="B30:B31"/>
    <mergeCell ref="C30:C31"/>
    <mergeCell ref="D30:D31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27"/>
  <sheetViews>
    <sheetView showGridLines="0" topLeftCell="A19" workbookViewId="0">
      <selection activeCell="J27" sqref="J27"/>
    </sheetView>
  </sheetViews>
  <sheetFormatPr defaultColWidth="13.5703125" defaultRowHeight="15" x14ac:dyDescent="0.25"/>
  <sheetData>
    <row r="3" spans="1:11" x14ac:dyDescent="0.25">
      <c r="A3" s="8" t="s">
        <v>0</v>
      </c>
      <c r="B3" s="9"/>
      <c r="C3" s="9"/>
      <c r="D3" s="9"/>
      <c r="E3" s="9"/>
      <c r="F3" s="9"/>
      <c r="G3" s="9"/>
      <c r="H3" s="9"/>
      <c r="I3" s="9"/>
      <c r="J3" s="9"/>
      <c r="K3" s="9"/>
    </row>
    <row r="4" spans="1:11" x14ac:dyDescent="0.25">
      <c r="A4" s="8" t="s">
        <v>1</v>
      </c>
      <c r="B4" s="9"/>
      <c r="C4" s="9"/>
      <c r="D4" s="9"/>
      <c r="E4" s="9"/>
      <c r="F4" s="9"/>
      <c r="G4" s="9"/>
      <c r="H4" s="9"/>
      <c r="I4" s="9"/>
      <c r="J4" s="9"/>
      <c r="K4" s="9"/>
    </row>
    <row r="5" spans="1:11" x14ac:dyDescent="0.25">
      <c r="A5" s="10" t="s">
        <v>301</v>
      </c>
      <c r="B5" s="9"/>
      <c r="C5" s="9"/>
      <c r="D5" s="9"/>
      <c r="E5" s="9"/>
      <c r="F5" s="9"/>
      <c r="G5" s="9"/>
      <c r="H5" s="9"/>
      <c r="I5" s="9"/>
      <c r="J5" s="9"/>
      <c r="K5" s="9"/>
    </row>
    <row r="6" spans="1:11" x14ac:dyDescent="0.25">
      <c r="A6" s="8" t="s">
        <v>3</v>
      </c>
      <c r="B6" s="9"/>
      <c r="C6" s="9"/>
      <c r="D6" s="9"/>
      <c r="E6" s="9"/>
      <c r="F6" s="9"/>
      <c r="G6" s="9"/>
      <c r="H6" s="9"/>
      <c r="I6" s="9"/>
      <c r="J6" s="9"/>
      <c r="K6" s="9"/>
    </row>
    <row r="7" spans="1:11" x14ac:dyDescent="0.25">
      <c r="A7" s="8" t="s">
        <v>4</v>
      </c>
      <c r="B7" s="9"/>
      <c r="C7" s="9"/>
      <c r="D7" s="9"/>
      <c r="E7" s="9"/>
      <c r="F7" s="9"/>
      <c r="G7" s="9"/>
      <c r="H7" s="9"/>
      <c r="I7" s="9"/>
      <c r="J7" s="9"/>
      <c r="K7" s="9"/>
    </row>
    <row r="9" spans="1:11" x14ac:dyDescent="0.25">
      <c r="A9" s="11" t="s">
        <v>302</v>
      </c>
      <c r="B9" s="9"/>
      <c r="C9" s="9"/>
      <c r="D9" s="9"/>
      <c r="E9" s="9"/>
      <c r="F9" s="9"/>
      <c r="G9" s="9"/>
      <c r="H9" s="9"/>
      <c r="I9" s="9"/>
      <c r="J9" s="9"/>
      <c r="K9" s="9"/>
    </row>
    <row r="10" spans="1:11" x14ac:dyDescent="0.25">
      <c r="A10" s="12" t="s">
        <v>6</v>
      </c>
      <c r="B10" s="12" t="s">
        <v>303</v>
      </c>
      <c r="C10" s="12" t="s">
        <v>304</v>
      </c>
      <c r="D10" s="12" t="s">
        <v>305</v>
      </c>
      <c r="E10" s="12" t="s">
        <v>7</v>
      </c>
      <c r="F10" s="12" t="s">
        <v>7</v>
      </c>
      <c r="G10" s="12" t="s">
        <v>7</v>
      </c>
      <c r="H10" s="12" t="s">
        <v>310</v>
      </c>
      <c r="I10" s="12" t="s">
        <v>311</v>
      </c>
      <c r="J10" s="12" t="s">
        <v>312</v>
      </c>
      <c r="K10" s="12" t="s">
        <v>313</v>
      </c>
    </row>
    <row r="11" spans="1:11" ht="105" x14ac:dyDescent="0.25">
      <c r="A11" s="12" t="s">
        <v>7</v>
      </c>
      <c r="B11" s="12" t="s">
        <v>7</v>
      </c>
      <c r="C11" s="12" t="s">
        <v>7</v>
      </c>
      <c r="D11" s="1" t="s">
        <v>306</v>
      </c>
      <c r="E11" s="1" t="s">
        <v>307</v>
      </c>
      <c r="F11" s="1" t="s">
        <v>308</v>
      </c>
      <c r="G11" s="1" t="s">
        <v>309</v>
      </c>
      <c r="H11" s="12" t="s">
        <v>7</v>
      </c>
      <c r="I11" s="12" t="s">
        <v>7</v>
      </c>
      <c r="J11" s="12" t="s">
        <v>7</v>
      </c>
      <c r="K11" s="12" t="s">
        <v>7</v>
      </c>
    </row>
    <row r="12" spans="1:11" x14ac:dyDescent="0.25">
      <c r="A12" s="5" t="s">
        <v>12</v>
      </c>
      <c r="B12" s="7" t="s">
        <v>314</v>
      </c>
      <c r="C12" s="3" t="s">
        <v>315</v>
      </c>
      <c r="D12" s="3" t="s">
        <v>316</v>
      </c>
      <c r="E12" s="3" t="s">
        <v>317</v>
      </c>
      <c r="F12" s="3" t="s">
        <v>318</v>
      </c>
      <c r="G12" s="3" t="s">
        <v>319</v>
      </c>
      <c r="H12" s="3" t="s">
        <v>26</v>
      </c>
      <c r="I12" s="3" t="s">
        <v>320</v>
      </c>
      <c r="J12" s="3" t="s">
        <v>321</v>
      </c>
      <c r="K12" s="3" t="s">
        <v>26</v>
      </c>
    </row>
    <row r="13" spans="1:11" x14ac:dyDescent="0.25">
      <c r="A13" s="4" t="s">
        <v>16</v>
      </c>
      <c r="B13" s="6" t="s">
        <v>322</v>
      </c>
      <c r="C13" s="2" t="s">
        <v>26</v>
      </c>
      <c r="D13" s="2" t="s">
        <v>26</v>
      </c>
      <c r="E13" s="2" t="s">
        <v>26</v>
      </c>
      <c r="F13" s="2" t="s">
        <v>26</v>
      </c>
      <c r="G13" s="2" t="s">
        <v>26</v>
      </c>
      <c r="H13" s="2" t="s">
        <v>26</v>
      </c>
      <c r="I13" s="2" t="s">
        <v>26</v>
      </c>
      <c r="J13" s="2" t="s">
        <v>26</v>
      </c>
      <c r="K13" s="2" t="s">
        <v>26</v>
      </c>
    </row>
    <row r="14" spans="1:11" x14ac:dyDescent="0.25">
      <c r="A14" s="4" t="s">
        <v>20</v>
      </c>
      <c r="B14" s="6" t="s">
        <v>323</v>
      </c>
      <c r="C14" s="2" t="s">
        <v>324</v>
      </c>
      <c r="D14" s="2" t="s">
        <v>26</v>
      </c>
      <c r="E14" s="2" t="s">
        <v>325</v>
      </c>
      <c r="F14" s="2" t="s">
        <v>26</v>
      </c>
      <c r="G14" s="2" t="s">
        <v>326</v>
      </c>
      <c r="H14" s="2" t="s">
        <v>26</v>
      </c>
      <c r="I14" s="2" t="s">
        <v>327</v>
      </c>
      <c r="J14" s="2" t="s">
        <v>26</v>
      </c>
      <c r="K14" s="2" t="s">
        <v>26</v>
      </c>
    </row>
    <row r="15" spans="1:11" x14ac:dyDescent="0.25">
      <c r="A15" s="4" t="s">
        <v>24</v>
      </c>
      <c r="B15" s="6" t="s">
        <v>328</v>
      </c>
      <c r="C15" s="2" t="s">
        <v>329</v>
      </c>
      <c r="D15" s="2" t="s">
        <v>26</v>
      </c>
      <c r="E15" s="2" t="s">
        <v>330</v>
      </c>
      <c r="F15" s="2" t="s">
        <v>26</v>
      </c>
      <c r="G15" s="2" t="s">
        <v>331</v>
      </c>
      <c r="H15" s="2" t="s">
        <v>26</v>
      </c>
      <c r="I15" s="2" t="s">
        <v>332</v>
      </c>
      <c r="J15" s="2" t="s">
        <v>26</v>
      </c>
      <c r="K15" s="2" t="s">
        <v>26</v>
      </c>
    </row>
    <row r="16" spans="1:11" x14ac:dyDescent="0.25">
      <c r="A16" s="4" t="s">
        <v>27</v>
      </c>
      <c r="B16" s="6" t="s">
        <v>333</v>
      </c>
      <c r="C16" s="2" t="s">
        <v>26</v>
      </c>
      <c r="D16" s="2" t="s">
        <v>26</v>
      </c>
      <c r="E16" s="2" t="s">
        <v>26</v>
      </c>
      <c r="F16" s="2" t="s">
        <v>26</v>
      </c>
      <c r="G16" s="2" t="s">
        <v>26</v>
      </c>
      <c r="H16" s="2" t="s">
        <v>26</v>
      </c>
      <c r="I16" s="2" t="s">
        <v>26</v>
      </c>
      <c r="J16" s="2" t="s">
        <v>26</v>
      </c>
      <c r="K16" s="2" t="s">
        <v>26</v>
      </c>
    </row>
    <row r="17" spans="1:11" x14ac:dyDescent="0.25">
      <c r="A17" s="4" t="s">
        <v>31</v>
      </c>
      <c r="B17" s="6" t="s">
        <v>334</v>
      </c>
      <c r="C17" s="2" t="s">
        <v>26</v>
      </c>
      <c r="D17" s="2" t="s">
        <v>26</v>
      </c>
      <c r="E17" s="2" t="s">
        <v>26</v>
      </c>
      <c r="F17" s="2" t="s">
        <v>26</v>
      </c>
      <c r="G17" s="2" t="s">
        <v>26</v>
      </c>
      <c r="H17" s="2" t="s">
        <v>26</v>
      </c>
      <c r="I17" s="2" t="s">
        <v>26</v>
      </c>
      <c r="J17" s="2" t="s">
        <v>26</v>
      </c>
      <c r="K17" s="2" t="s">
        <v>26</v>
      </c>
    </row>
    <row r="18" spans="1:11" x14ac:dyDescent="0.25">
      <c r="A18" s="4" t="s">
        <v>35</v>
      </c>
      <c r="B18" s="6" t="s">
        <v>335</v>
      </c>
      <c r="C18" s="2" t="s">
        <v>336</v>
      </c>
      <c r="D18" s="2" t="s">
        <v>337</v>
      </c>
      <c r="E18" s="2" t="s">
        <v>338</v>
      </c>
      <c r="F18" s="2" t="s">
        <v>339</v>
      </c>
      <c r="G18" s="2" t="s">
        <v>340</v>
      </c>
      <c r="H18" s="2" t="s">
        <v>26</v>
      </c>
      <c r="I18" s="2" t="s">
        <v>341</v>
      </c>
      <c r="J18" s="2" t="s">
        <v>342</v>
      </c>
      <c r="K18" s="2" t="s">
        <v>26</v>
      </c>
    </row>
    <row r="19" spans="1:11" x14ac:dyDescent="0.25">
      <c r="A19" s="4" t="s">
        <v>38</v>
      </c>
      <c r="B19" s="6" t="s">
        <v>343</v>
      </c>
      <c r="C19" s="2" t="s">
        <v>26</v>
      </c>
      <c r="D19" s="2" t="s">
        <v>26</v>
      </c>
      <c r="E19" s="2" t="s">
        <v>26</v>
      </c>
      <c r="F19" s="2" t="s">
        <v>26</v>
      </c>
      <c r="G19" s="2" t="s">
        <v>26</v>
      </c>
      <c r="H19" s="2" t="s">
        <v>26</v>
      </c>
      <c r="I19" s="2" t="s">
        <v>26</v>
      </c>
      <c r="J19" s="2" t="s">
        <v>26</v>
      </c>
      <c r="K19" s="2" t="s">
        <v>26</v>
      </c>
    </row>
    <row r="20" spans="1:11" x14ac:dyDescent="0.25">
      <c r="A20" s="4" t="s">
        <v>41</v>
      </c>
      <c r="B20" s="6" t="s">
        <v>344</v>
      </c>
      <c r="C20" s="2" t="s">
        <v>345</v>
      </c>
      <c r="D20" s="2" t="s">
        <v>346</v>
      </c>
      <c r="E20" s="2" t="s">
        <v>347</v>
      </c>
      <c r="F20" s="2" t="s">
        <v>26</v>
      </c>
      <c r="G20" s="2" t="s">
        <v>348</v>
      </c>
      <c r="H20" s="2" t="s">
        <v>26</v>
      </c>
      <c r="I20" s="2" t="s">
        <v>349</v>
      </c>
      <c r="J20" s="2" t="s">
        <v>350</v>
      </c>
      <c r="K20" s="2" t="s">
        <v>26</v>
      </c>
    </row>
    <row r="21" spans="1:11" x14ac:dyDescent="0.25">
      <c r="A21" s="4" t="s">
        <v>43</v>
      </c>
      <c r="B21" s="6" t="s">
        <v>351</v>
      </c>
      <c r="C21" s="2" t="s">
        <v>352</v>
      </c>
      <c r="D21" s="2" t="s">
        <v>26</v>
      </c>
      <c r="E21" s="2" t="s">
        <v>353</v>
      </c>
      <c r="F21" s="2" t="s">
        <v>26</v>
      </c>
      <c r="G21" s="2" t="s">
        <v>354</v>
      </c>
      <c r="H21" s="2" t="s">
        <v>26</v>
      </c>
      <c r="I21" s="2" t="s">
        <v>355</v>
      </c>
      <c r="J21" s="2" t="s">
        <v>356</v>
      </c>
      <c r="K21" s="2" t="s">
        <v>26</v>
      </c>
    </row>
    <row r="22" spans="1:11" x14ac:dyDescent="0.25">
      <c r="A22" s="4" t="s">
        <v>50</v>
      </c>
      <c r="B22" s="6" t="s">
        <v>357</v>
      </c>
      <c r="C22" s="2" t="s">
        <v>358</v>
      </c>
      <c r="D22" s="2" t="s">
        <v>26</v>
      </c>
      <c r="E22" s="2" t="s">
        <v>26</v>
      </c>
      <c r="F22" s="2" t="s">
        <v>26</v>
      </c>
      <c r="G22" s="2" t="s">
        <v>26</v>
      </c>
      <c r="H22" s="2" t="s">
        <v>26</v>
      </c>
      <c r="I22" s="2" t="s">
        <v>358</v>
      </c>
      <c r="J22" s="2" t="s">
        <v>359</v>
      </c>
      <c r="K22" s="2" t="s">
        <v>26</v>
      </c>
    </row>
    <row r="23" spans="1:11" x14ac:dyDescent="0.25">
      <c r="A23" s="4" t="s">
        <v>54</v>
      </c>
      <c r="B23" s="6" t="s">
        <v>360</v>
      </c>
      <c r="C23" s="2" t="s">
        <v>361</v>
      </c>
      <c r="D23" s="2" t="s">
        <v>26</v>
      </c>
      <c r="E23" s="2" t="s">
        <v>26</v>
      </c>
      <c r="F23" s="2" t="s">
        <v>26</v>
      </c>
      <c r="G23" s="2" t="s">
        <v>362</v>
      </c>
      <c r="H23" s="2" t="s">
        <v>26</v>
      </c>
      <c r="I23" s="2" t="s">
        <v>363</v>
      </c>
      <c r="J23" s="2" t="s">
        <v>26</v>
      </c>
      <c r="K23" s="2" t="s">
        <v>26</v>
      </c>
    </row>
    <row r="24" spans="1:11" x14ac:dyDescent="0.25">
      <c r="A24" s="4" t="s">
        <v>56</v>
      </c>
      <c r="B24" s="6" t="s">
        <v>364</v>
      </c>
      <c r="C24" s="2" t="s">
        <v>365</v>
      </c>
      <c r="D24" s="2" t="s">
        <v>366</v>
      </c>
      <c r="E24" s="2" t="s">
        <v>367</v>
      </c>
      <c r="F24" s="2" t="s">
        <v>368</v>
      </c>
      <c r="G24" s="2" t="s">
        <v>369</v>
      </c>
      <c r="H24" s="2" t="s">
        <v>26</v>
      </c>
      <c r="I24" s="2" t="s">
        <v>370</v>
      </c>
      <c r="J24" s="2" t="s">
        <v>371</v>
      </c>
      <c r="K24" s="2" t="s">
        <v>26</v>
      </c>
    </row>
    <row r="25" spans="1:11" x14ac:dyDescent="0.25">
      <c r="A25" s="4" t="s">
        <v>58</v>
      </c>
      <c r="B25" s="6" t="s">
        <v>372</v>
      </c>
      <c r="C25" s="2" t="s">
        <v>373</v>
      </c>
      <c r="D25" s="2" t="s">
        <v>374</v>
      </c>
      <c r="E25" s="2" t="s">
        <v>375</v>
      </c>
      <c r="F25" s="2" t="s">
        <v>376</v>
      </c>
      <c r="G25" s="2" t="s">
        <v>377</v>
      </c>
      <c r="H25" s="2" t="s">
        <v>26</v>
      </c>
      <c r="I25" s="2" t="s">
        <v>378</v>
      </c>
      <c r="J25" s="2" t="s">
        <v>379</v>
      </c>
      <c r="K25" s="2" t="s">
        <v>26</v>
      </c>
    </row>
    <row r="26" spans="1:11" x14ac:dyDescent="0.25">
      <c r="A26" s="4" t="s">
        <v>62</v>
      </c>
      <c r="B26" s="6" t="s">
        <v>380</v>
      </c>
      <c r="C26" s="2" t="s">
        <v>373</v>
      </c>
      <c r="D26" s="2" t="s">
        <v>374</v>
      </c>
      <c r="E26" s="2" t="s">
        <v>375</v>
      </c>
      <c r="F26" s="2" t="s">
        <v>376</v>
      </c>
      <c r="G26" s="2" t="s">
        <v>377</v>
      </c>
      <c r="H26" s="2" t="s">
        <v>26</v>
      </c>
      <c r="I26" s="2" t="s">
        <v>378</v>
      </c>
      <c r="J26" s="2" t="s">
        <v>379</v>
      </c>
      <c r="K26" s="2" t="s">
        <v>26</v>
      </c>
    </row>
    <row r="27" spans="1:11" x14ac:dyDescent="0.25">
      <c r="A27" s="5" t="s">
        <v>66</v>
      </c>
      <c r="B27" s="7" t="s">
        <v>381</v>
      </c>
      <c r="C27" s="3" t="s">
        <v>382</v>
      </c>
      <c r="D27" s="3" t="s">
        <v>383</v>
      </c>
      <c r="E27" s="3" t="s">
        <v>384</v>
      </c>
      <c r="F27" s="3" t="s">
        <v>229</v>
      </c>
      <c r="G27" s="3" t="s">
        <v>385</v>
      </c>
      <c r="H27" s="3" t="s">
        <v>26</v>
      </c>
      <c r="I27" s="3" t="s">
        <v>386</v>
      </c>
      <c r="J27" s="3" t="s">
        <v>387</v>
      </c>
      <c r="K27" s="3" t="s">
        <v>26</v>
      </c>
    </row>
  </sheetData>
  <mergeCells count="14">
    <mergeCell ref="A9:K9"/>
    <mergeCell ref="A10:A11"/>
    <mergeCell ref="B10:B11"/>
    <mergeCell ref="C10:C11"/>
    <mergeCell ref="D10:G10"/>
    <mergeCell ref="H10:H11"/>
    <mergeCell ref="I10:I11"/>
    <mergeCell ref="J10:J11"/>
    <mergeCell ref="K10:K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D39"/>
  <sheetViews>
    <sheetView showGridLines="0" tabSelected="1" workbookViewId="0">
      <selection activeCell="C12" sqref="C12"/>
    </sheetView>
  </sheetViews>
  <sheetFormatPr defaultRowHeight="15" x14ac:dyDescent="0.25"/>
  <cols>
    <col min="1" max="1" width="2.140625" bestFit="1" customWidth="1"/>
    <col min="2" max="2" width="55.140625" bestFit="1" customWidth="1"/>
    <col min="3" max="6" width="20.140625" customWidth="1"/>
  </cols>
  <sheetData>
    <row r="3" spans="1:4" x14ac:dyDescent="0.25">
      <c r="A3" s="8" t="s">
        <v>0</v>
      </c>
      <c r="B3" s="9"/>
      <c r="C3" s="9"/>
      <c r="D3" s="9"/>
    </row>
    <row r="4" spans="1:4" x14ac:dyDescent="0.25">
      <c r="A4" s="8" t="s">
        <v>1</v>
      </c>
      <c r="B4" s="9"/>
      <c r="C4" s="9"/>
      <c r="D4" s="9"/>
    </row>
    <row r="5" spans="1:4" x14ac:dyDescent="0.25">
      <c r="A5" s="10" t="s">
        <v>388</v>
      </c>
      <c r="B5" s="9"/>
      <c r="C5" s="9"/>
      <c r="D5" s="9"/>
    </row>
    <row r="6" spans="1:4" x14ac:dyDescent="0.25">
      <c r="A6" s="8" t="s">
        <v>3</v>
      </c>
      <c r="B6" s="9"/>
      <c r="C6" s="9"/>
      <c r="D6" s="9"/>
    </row>
    <row r="7" spans="1:4" x14ac:dyDescent="0.25">
      <c r="A7" s="8" t="s">
        <v>4</v>
      </c>
      <c r="B7" s="9"/>
      <c r="C7" s="9"/>
      <c r="D7" s="9"/>
    </row>
    <row r="9" spans="1:4" x14ac:dyDescent="0.25">
      <c r="A9" s="11" t="s">
        <v>389</v>
      </c>
      <c r="B9" s="9"/>
      <c r="C9" s="9"/>
      <c r="D9" s="9"/>
    </row>
    <row r="10" spans="1:4" x14ac:dyDescent="0.25">
      <c r="A10" s="12" t="s">
        <v>6</v>
      </c>
      <c r="B10" s="12" t="s">
        <v>390</v>
      </c>
      <c r="C10" s="12" t="s">
        <v>391</v>
      </c>
    </row>
    <row r="11" spans="1:4" x14ac:dyDescent="0.25">
      <c r="A11" s="12" t="s">
        <v>7</v>
      </c>
      <c r="B11" s="12" t="s">
        <v>7</v>
      </c>
      <c r="C11" s="12" t="s">
        <v>7</v>
      </c>
    </row>
    <row r="12" spans="1:4" x14ac:dyDescent="0.25">
      <c r="A12" s="4" t="s">
        <v>12</v>
      </c>
      <c r="B12" s="6" t="s">
        <v>392</v>
      </c>
      <c r="C12" s="2" t="s">
        <v>52</v>
      </c>
    </row>
    <row r="14" spans="1:4" x14ac:dyDescent="0.25">
      <c r="A14" s="12" t="s">
        <v>6</v>
      </c>
      <c r="B14" s="12" t="s">
        <v>8</v>
      </c>
      <c r="C14" s="12" t="s">
        <v>48</v>
      </c>
      <c r="D14" s="12" t="s">
        <v>281</v>
      </c>
    </row>
    <row r="15" spans="1:4" x14ac:dyDescent="0.25">
      <c r="A15" s="12" t="s">
        <v>7</v>
      </c>
      <c r="B15" s="12" t="s">
        <v>7</v>
      </c>
      <c r="C15" s="12" t="s">
        <v>7</v>
      </c>
      <c r="D15" s="12" t="s">
        <v>7</v>
      </c>
    </row>
    <row r="16" spans="1:4" x14ac:dyDescent="0.25">
      <c r="A16" s="4" t="s">
        <v>16</v>
      </c>
      <c r="B16" s="6" t="s">
        <v>393</v>
      </c>
      <c r="C16" s="2" t="s">
        <v>60</v>
      </c>
      <c r="D16" s="2" t="s">
        <v>61</v>
      </c>
    </row>
    <row r="17" spans="1:4" x14ac:dyDescent="0.25">
      <c r="A17" s="4" t="s">
        <v>20</v>
      </c>
      <c r="B17" s="6" t="s">
        <v>394</v>
      </c>
      <c r="C17" s="2" t="s">
        <v>64</v>
      </c>
      <c r="D17" s="2" t="s">
        <v>65</v>
      </c>
    </row>
    <row r="18" spans="1:4" x14ac:dyDescent="0.25">
      <c r="A18" s="4" t="s">
        <v>24</v>
      </c>
      <c r="B18" s="6" t="s">
        <v>395</v>
      </c>
      <c r="C18" s="2" t="s">
        <v>68</v>
      </c>
      <c r="D18" s="2" t="s">
        <v>69</v>
      </c>
    </row>
    <row r="20" spans="1:4" x14ac:dyDescent="0.25">
      <c r="A20" s="12" t="s">
        <v>6</v>
      </c>
      <c r="B20" s="12" t="s">
        <v>91</v>
      </c>
      <c r="C20" s="12" t="s">
        <v>48</v>
      </c>
      <c r="D20" s="12" t="s">
        <v>281</v>
      </c>
    </row>
    <row r="21" spans="1:4" x14ac:dyDescent="0.25">
      <c r="A21" s="12" t="s">
        <v>7</v>
      </c>
      <c r="B21" s="12" t="s">
        <v>7</v>
      </c>
      <c r="C21" s="12" t="s">
        <v>7</v>
      </c>
      <c r="D21" s="12" t="s">
        <v>7</v>
      </c>
    </row>
    <row r="22" spans="1:4" x14ac:dyDescent="0.25">
      <c r="A22" s="4" t="s">
        <v>27</v>
      </c>
      <c r="B22" s="6" t="s">
        <v>396</v>
      </c>
      <c r="C22" s="2" t="s">
        <v>179</v>
      </c>
      <c r="D22" s="2" t="s">
        <v>196</v>
      </c>
    </row>
    <row r="23" spans="1:4" x14ac:dyDescent="0.25">
      <c r="A23" s="4" t="s">
        <v>31</v>
      </c>
      <c r="B23" s="6" t="s">
        <v>397</v>
      </c>
      <c r="C23" s="2" t="s">
        <v>202</v>
      </c>
      <c r="D23" s="2" t="s">
        <v>398</v>
      </c>
    </row>
    <row r="25" spans="1:4" x14ac:dyDescent="0.25">
      <c r="A25" s="12" t="s">
        <v>6</v>
      </c>
      <c r="B25" s="12" t="s">
        <v>399</v>
      </c>
      <c r="C25" s="12" t="s">
        <v>48</v>
      </c>
      <c r="D25" s="12" t="s">
        <v>281</v>
      </c>
    </row>
    <row r="26" spans="1:4" x14ac:dyDescent="0.25">
      <c r="A26" s="12" t="s">
        <v>7</v>
      </c>
      <c r="B26" s="12" t="s">
        <v>7</v>
      </c>
      <c r="C26" s="12" t="s">
        <v>7</v>
      </c>
      <c r="D26" s="12" t="s">
        <v>7</v>
      </c>
    </row>
    <row r="27" spans="1:4" x14ac:dyDescent="0.25">
      <c r="A27" s="4" t="s">
        <v>35</v>
      </c>
      <c r="B27" s="6" t="s">
        <v>400</v>
      </c>
      <c r="C27" s="2" t="s">
        <v>242</v>
      </c>
      <c r="D27" s="2" t="s">
        <v>246</v>
      </c>
    </row>
    <row r="28" spans="1:4" x14ac:dyDescent="0.25">
      <c r="A28" s="4" t="s">
        <v>38</v>
      </c>
      <c r="B28" s="6" t="s">
        <v>397</v>
      </c>
      <c r="C28" s="2" t="s">
        <v>251</v>
      </c>
      <c r="D28" s="2" t="s">
        <v>401</v>
      </c>
    </row>
    <row r="30" spans="1:4" x14ac:dyDescent="0.25">
      <c r="A30" s="12" t="s">
        <v>6</v>
      </c>
      <c r="B30" s="12" t="s">
        <v>265</v>
      </c>
      <c r="C30" s="12" t="s">
        <v>48</v>
      </c>
      <c r="D30" s="12" t="s">
        <v>281</v>
      </c>
    </row>
    <row r="31" spans="1:4" x14ac:dyDescent="0.25">
      <c r="A31" s="12" t="s">
        <v>7</v>
      </c>
      <c r="B31" s="12" t="s">
        <v>7</v>
      </c>
      <c r="C31" s="12" t="s">
        <v>7</v>
      </c>
      <c r="D31" s="12" t="s">
        <v>7</v>
      </c>
    </row>
    <row r="32" spans="1:4" x14ac:dyDescent="0.25">
      <c r="A32" s="4" t="s">
        <v>41</v>
      </c>
      <c r="B32" s="6" t="s">
        <v>402</v>
      </c>
      <c r="C32" s="2" t="s">
        <v>26</v>
      </c>
      <c r="D32" s="2" t="s">
        <v>26</v>
      </c>
    </row>
    <row r="33" spans="1:4" x14ac:dyDescent="0.25">
      <c r="A33" s="4" t="s">
        <v>43</v>
      </c>
      <c r="B33" s="6" t="s">
        <v>403</v>
      </c>
      <c r="C33" s="2" t="s">
        <v>26</v>
      </c>
      <c r="D33" s="2" t="s">
        <v>26</v>
      </c>
    </row>
    <row r="34" spans="1:4" x14ac:dyDescent="0.25">
      <c r="A34" s="4" t="s">
        <v>50</v>
      </c>
      <c r="B34" s="6" t="s">
        <v>404</v>
      </c>
      <c r="C34" s="2" t="s">
        <v>285</v>
      </c>
      <c r="D34" s="2" t="s">
        <v>286</v>
      </c>
    </row>
    <row r="35" spans="1:4" x14ac:dyDescent="0.25">
      <c r="A35" s="4" t="s">
        <v>54</v>
      </c>
      <c r="B35" s="6" t="s">
        <v>405</v>
      </c>
      <c r="C35" s="2" t="s">
        <v>292</v>
      </c>
      <c r="D35" s="2" t="s">
        <v>293</v>
      </c>
    </row>
    <row r="37" spans="1:4" x14ac:dyDescent="0.25">
      <c r="A37" s="12" t="s">
        <v>6</v>
      </c>
      <c r="B37" s="12" t="s">
        <v>406</v>
      </c>
      <c r="C37" s="12" t="s">
        <v>407</v>
      </c>
      <c r="D37" s="12" t="s">
        <v>408</v>
      </c>
    </row>
    <row r="38" spans="1:4" x14ac:dyDescent="0.25">
      <c r="A38" s="12" t="s">
        <v>7</v>
      </c>
      <c r="B38" s="12" t="s">
        <v>7</v>
      </c>
      <c r="C38" s="12" t="s">
        <v>7</v>
      </c>
      <c r="D38" s="12" t="s">
        <v>7</v>
      </c>
    </row>
    <row r="39" spans="1:4" x14ac:dyDescent="0.25">
      <c r="A39" s="4" t="s">
        <v>56</v>
      </c>
      <c r="B39" s="6" t="s">
        <v>409</v>
      </c>
      <c r="C39" s="2" t="s">
        <v>387</v>
      </c>
      <c r="D39" s="2" t="s">
        <v>386</v>
      </c>
    </row>
  </sheetData>
  <mergeCells count="29">
    <mergeCell ref="A30:A31"/>
    <mergeCell ref="B30:B31"/>
    <mergeCell ref="C30:C31"/>
    <mergeCell ref="D30:D31"/>
    <mergeCell ref="A37:A38"/>
    <mergeCell ref="B37:B38"/>
    <mergeCell ref="C37:C38"/>
    <mergeCell ref="D37:D38"/>
    <mergeCell ref="A20:A21"/>
    <mergeCell ref="B20:B21"/>
    <mergeCell ref="C20:C21"/>
    <mergeCell ref="D20:D21"/>
    <mergeCell ref="A25:A26"/>
    <mergeCell ref="B25:B26"/>
    <mergeCell ref="C25:C26"/>
    <mergeCell ref="D25:D26"/>
    <mergeCell ref="A9:D9"/>
    <mergeCell ref="A10:A11"/>
    <mergeCell ref="B10:B11"/>
    <mergeCell ref="C10:C11"/>
    <mergeCell ref="A14:A15"/>
    <mergeCell ref="B14:B15"/>
    <mergeCell ref="C14:C15"/>
    <mergeCell ref="D14:D15"/>
    <mergeCell ref="A3:D3"/>
    <mergeCell ref="A4:D4"/>
    <mergeCell ref="A5:D5"/>
    <mergeCell ref="A6:D6"/>
    <mergeCell ref="A7:D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6</vt:i4>
      </vt:variant>
    </vt:vector>
  </HeadingPairs>
  <TitlesOfParts>
    <vt:vector size="6" baseType="lpstr">
      <vt:lpstr>Anexo - 01 - Despesa com Pessoa</vt:lpstr>
      <vt:lpstr>Anexo - 02 - Dívida Consolidada</vt:lpstr>
      <vt:lpstr>Anexo - 03 - Garantias e Contra</vt:lpstr>
      <vt:lpstr>Anexo - 04 - Operações de Crédi</vt:lpstr>
      <vt:lpstr>Anexo - 05 - Disponibilidade de</vt:lpstr>
      <vt:lpstr>Anexo - 06 - Gestão Fiscal Simp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8-06-27T15:00:59Z</dcterms:created>
  <dcterms:modified xsi:type="dcterms:W3CDTF">2018-06-27T15:14:14Z</dcterms:modified>
</cp:coreProperties>
</file>